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\サービス付き高齢者向け住宅一覧表\"/>
    </mc:Choice>
  </mc:AlternateContent>
  <bookViews>
    <workbookView xWindow="120" yWindow="105" windowWidth="19395" windowHeight="7965"/>
  </bookViews>
  <sheets>
    <sheet name="Sheet1" sheetId="3" r:id="rId1"/>
  </sheets>
  <definedNames>
    <definedName name="_xlnm._FilterDatabase" localSheetId="0" hidden="1">Sheet1!$A$4:$N$51</definedName>
    <definedName name="t_名簿_福祉事業所">#REF!</definedName>
  </definedNames>
  <calcPr calcId="162913"/>
</workbook>
</file>

<file path=xl/sharedStrings.xml><?xml version="1.0" encoding="utf-8"?>
<sst xmlns="http://schemas.openxmlformats.org/spreadsheetml/2006/main" count="302" uniqueCount="263">
  <si>
    <t>シニアコート東朝日町</t>
  </si>
  <si>
    <t>島根県松江市東朝日町３７－１</t>
    <phoneticPr fontId="4"/>
  </si>
  <si>
    <t>株式会社　メディカル・ケア西日本</t>
  </si>
  <si>
    <t>シニアコート石橋町</t>
  </si>
  <si>
    <t>株式会社　花麒麟</t>
  </si>
  <si>
    <t>花きりんハウス東出雲</t>
  </si>
  <si>
    <t>島根県松江市東出雲町意宇南５－４－１</t>
  </si>
  <si>
    <t>シニアコート平田町</t>
  </si>
  <si>
    <t>島根県出雲市平田町字中ノ島７４３０</t>
  </si>
  <si>
    <t>社会医療法人　仁寿会</t>
  </si>
  <si>
    <t>島根県大田市長久町長久字上代ハ２４－２</t>
  </si>
  <si>
    <t>株式会社　ＧＲＥＥＮ・ＧＡＢＬＥＳ</t>
  </si>
  <si>
    <t>和穏</t>
  </si>
  <si>
    <t>シニアコート渡橋町</t>
  </si>
  <si>
    <t>島根県出雲市渡橋町３４６</t>
  </si>
  <si>
    <t>株式会社　オレンジロード</t>
  </si>
  <si>
    <t>フェリーチェ持田</t>
  </si>
  <si>
    <t>島根県松江市西持田町３４１－１</t>
  </si>
  <si>
    <t>医療法人　あすか</t>
  </si>
  <si>
    <t>あすかシルバーホーム</t>
  </si>
  <si>
    <t>島根県益田市中島町イ１４５４‐１</t>
  </si>
  <si>
    <t>社会福祉法人　かしま福祉会</t>
  </si>
  <si>
    <t>愛桜苑</t>
  </si>
  <si>
    <t>島根県松江市鹿島町名分１３４８－２</t>
  </si>
  <si>
    <t>シニアコート嫁島町</t>
  </si>
  <si>
    <t>島根県松江市嫁島町11-5</t>
    <phoneticPr fontId="4"/>
  </si>
  <si>
    <t>株式会社　建装</t>
  </si>
  <si>
    <t>高齢者生活支援住宅まめのき園</t>
  </si>
  <si>
    <t>島根県松江市浜佐田町１３８</t>
  </si>
  <si>
    <t>医療法人社団　回春会</t>
  </si>
  <si>
    <t>島根県松江市内中原町２９５－１</t>
  </si>
  <si>
    <t>株式会社　空</t>
  </si>
  <si>
    <t>陽だまり荘</t>
  </si>
  <si>
    <t>島根県出雲市塩冶町５２０－１</t>
  </si>
  <si>
    <t>社会福祉法人　せんだん会</t>
  </si>
  <si>
    <t>島根県安来市荒島町２１７７－１４</t>
  </si>
  <si>
    <t>株式会社　コーユー</t>
  </si>
  <si>
    <t>サンライズさつか</t>
  </si>
  <si>
    <t>島根県大田市久手町刺鹿１９０２－２</t>
  </si>
  <si>
    <t>社会福祉法人　壽光会</t>
  </si>
  <si>
    <t>株式会社　ＳＷＡＮ</t>
  </si>
  <si>
    <t>ＧＯＯＤ　ＡＧＥ浜乃木</t>
  </si>
  <si>
    <t>島根県松江市浜乃木３－３－２６</t>
    <phoneticPr fontId="4"/>
  </si>
  <si>
    <t>特定非営利活動法人　しあわせサービス</t>
  </si>
  <si>
    <t>株式会社　ソーシャルプランニングネットワーク</t>
  </si>
  <si>
    <t>島根県出雲市東園町字寺前７２５－３</t>
  </si>
  <si>
    <t>株式会社　しろがねの里</t>
  </si>
  <si>
    <t>シルバーハイツしろがね</t>
  </si>
  <si>
    <t>島根県大田市大田町大田イ３５３</t>
  </si>
  <si>
    <t>株式会社　ライフサポート</t>
  </si>
  <si>
    <t>高齢者生活支援施設　きれんげ</t>
  </si>
  <si>
    <t>島根県大田市鳥井町鳥井１２０４</t>
  </si>
  <si>
    <t>島根県松江市西津田３－１３－３</t>
  </si>
  <si>
    <t>有限会社　よろこぼう屋</t>
  </si>
  <si>
    <t>よろこぼう屋　マンション</t>
  </si>
  <si>
    <t>島根県江津市和木町１１７３－３</t>
  </si>
  <si>
    <t>株式会社　ラッシュ</t>
  </si>
  <si>
    <t>ケアホームあおぞら</t>
  </si>
  <si>
    <t>島根県松江市東津田町１８０６－１</t>
  </si>
  <si>
    <t>ひかわ医療生活協同組合</t>
  </si>
  <si>
    <t>島根県出雲市斐川町美南１５０７－１</t>
    <phoneticPr fontId="4"/>
  </si>
  <si>
    <t>テライ・メディカルサポート株式会社</t>
    <rPh sb="13" eb="15">
      <t>カブシキ</t>
    </rPh>
    <rPh sb="15" eb="17">
      <t>カイシャ</t>
    </rPh>
    <phoneticPr fontId="4"/>
  </si>
  <si>
    <t>ゆめの丘ハイム</t>
    <rPh sb="3" eb="4">
      <t>オカ</t>
    </rPh>
    <phoneticPr fontId="4"/>
  </si>
  <si>
    <t>島根県松江市美保関町北浦６２４－７</t>
    <phoneticPr fontId="4"/>
  </si>
  <si>
    <t>法人名</t>
  </si>
  <si>
    <t>電話番号</t>
    <rPh sb="0" eb="2">
      <t>デンワ</t>
    </rPh>
    <rPh sb="2" eb="4">
      <t>バンゴウ</t>
    </rPh>
    <phoneticPr fontId="4"/>
  </si>
  <si>
    <t>0852-60-0310</t>
    <phoneticPr fontId="4"/>
  </si>
  <si>
    <t>0852-25-8005</t>
    <phoneticPr fontId="4"/>
  </si>
  <si>
    <t>0856-23-3320</t>
    <phoneticPr fontId="4"/>
  </si>
  <si>
    <t>0852-82-9115</t>
    <phoneticPr fontId="4"/>
  </si>
  <si>
    <t>0852-67-1111</t>
    <phoneticPr fontId="4"/>
  </si>
  <si>
    <t>0853-25-7919</t>
    <phoneticPr fontId="4"/>
  </si>
  <si>
    <t>0854-82-8126</t>
    <phoneticPr fontId="4"/>
  </si>
  <si>
    <t>0853-43-8955</t>
    <phoneticPr fontId="4"/>
  </si>
  <si>
    <t>0852-21-3845</t>
    <phoneticPr fontId="4"/>
  </si>
  <si>
    <t>0852-75-0111</t>
    <phoneticPr fontId="4"/>
  </si>
  <si>
    <t>0853-24-8405</t>
    <phoneticPr fontId="4"/>
  </si>
  <si>
    <t>0854-83-1887</t>
    <phoneticPr fontId="4"/>
  </si>
  <si>
    <t>0854-82-0233</t>
    <phoneticPr fontId="4"/>
  </si>
  <si>
    <t>0855-52-0817</t>
    <phoneticPr fontId="4"/>
  </si>
  <si>
    <t>0855-32-4007</t>
    <phoneticPr fontId="4"/>
  </si>
  <si>
    <t>島根県松江市石橋町３１－１</t>
    <phoneticPr fontId="4"/>
  </si>
  <si>
    <t>0852-67-1061</t>
    <phoneticPr fontId="4"/>
  </si>
  <si>
    <t>島根県松江市上乃木３丁目4-58</t>
    <phoneticPr fontId="4"/>
  </si>
  <si>
    <t>0852-25-5001</t>
    <phoneticPr fontId="4"/>
  </si>
  <si>
    <t>0852-36-3020</t>
    <phoneticPr fontId="4"/>
  </si>
  <si>
    <t>0852-67-2003</t>
    <phoneticPr fontId="4"/>
  </si>
  <si>
    <t>0852-67-1145</t>
    <phoneticPr fontId="4"/>
  </si>
  <si>
    <t>島根県浜田市三隅町三隅３８２番地１</t>
    <rPh sb="3" eb="5">
      <t>ハマダ</t>
    </rPh>
    <rPh sb="6" eb="9">
      <t>ミスミチョウ</t>
    </rPh>
    <rPh sb="9" eb="11">
      <t>ミスミ</t>
    </rPh>
    <rPh sb="14" eb="16">
      <t>バンチ</t>
    </rPh>
    <phoneticPr fontId="4"/>
  </si>
  <si>
    <t>0853-31-4622</t>
    <phoneticPr fontId="4"/>
  </si>
  <si>
    <t>0853-25-8039</t>
    <phoneticPr fontId="4"/>
  </si>
  <si>
    <t>島根県出雲市湖陵町差海318-1</t>
    <phoneticPr fontId="4"/>
  </si>
  <si>
    <t>あっとホームひかわ</t>
    <phoneticPr fontId="4"/>
  </si>
  <si>
    <t>0853-72-9930</t>
    <phoneticPr fontId="4"/>
  </si>
  <si>
    <t>0854-83-7100</t>
    <phoneticPr fontId="4"/>
  </si>
  <si>
    <t>0854-28-6350</t>
    <phoneticPr fontId="4"/>
  </si>
  <si>
    <t>島根県松江市馬潟町98番地１</t>
    <rPh sb="6" eb="7">
      <t>ウマ</t>
    </rPh>
    <rPh sb="11" eb="13">
      <t>バンチ</t>
    </rPh>
    <phoneticPr fontId="4"/>
  </si>
  <si>
    <t>株式会社　サン・リンク</t>
    <phoneticPr fontId="4"/>
  </si>
  <si>
    <t>0852-67-1557</t>
    <phoneticPr fontId="4"/>
  </si>
  <si>
    <t>島根県松江市東出雲町揖屋１１９６</t>
    <rPh sb="6" eb="7">
      <t>ヒガシ</t>
    </rPh>
    <rPh sb="7" eb="9">
      <t>イズモ</t>
    </rPh>
    <rPh sb="10" eb="12">
      <t>イヤ</t>
    </rPh>
    <phoneticPr fontId="4"/>
  </si>
  <si>
    <t>0852-52-6517</t>
    <phoneticPr fontId="4"/>
  </si>
  <si>
    <t>医療法人　峻和会</t>
    <phoneticPr fontId="4"/>
  </si>
  <si>
    <t>医療法人　ちどり</t>
    <rPh sb="0" eb="2">
      <t>イリョウ</t>
    </rPh>
    <rPh sb="2" eb="4">
      <t>ホウジン</t>
    </rPh>
    <phoneticPr fontId="4"/>
  </si>
  <si>
    <t>0852-21-5273</t>
    <phoneticPr fontId="4"/>
  </si>
  <si>
    <t>島根県松江市千鳥町84番地</t>
    <rPh sb="6" eb="8">
      <t>チドリ</t>
    </rPh>
    <rPh sb="11" eb="13">
      <t>バンチ</t>
    </rPh>
    <phoneticPr fontId="4"/>
  </si>
  <si>
    <t>株式会社　ノーブルライフ</t>
    <phoneticPr fontId="4"/>
  </si>
  <si>
    <t>085９-27-9214</t>
    <phoneticPr fontId="4"/>
  </si>
  <si>
    <t>比津松寿苑</t>
    <rPh sb="0" eb="2">
      <t>ヒツ</t>
    </rPh>
    <rPh sb="2" eb="3">
      <t>マツ</t>
    </rPh>
    <rPh sb="3" eb="4">
      <t>ジュ</t>
    </rPh>
    <rPh sb="4" eb="5">
      <t>エン</t>
    </rPh>
    <phoneticPr fontId="4"/>
  </si>
  <si>
    <t>島根県松江市比津町295-5,7</t>
    <rPh sb="6" eb="8">
      <t>ヒツ</t>
    </rPh>
    <phoneticPr fontId="4"/>
  </si>
  <si>
    <t>社会福祉法人　比津ヶ丘保育園</t>
    <rPh sb="7" eb="9">
      <t>ヒツ</t>
    </rPh>
    <rPh sb="10" eb="11">
      <t>オカ</t>
    </rPh>
    <rPh sb="11" eb="14">
      <t>ホイクエン</t>
    </rPh>
    <phoneticPr fontId="4"/>
  </si>
  <si>
    <t>090-3697-0912</t>
    <phoneticPr fontId="4"/>
  </si>
  <si>
    <t>サービス付き高齢者向け住宅いわみ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島根県益田市染羽町ロ４－１</t>
    <rPh sb="6" eb="7">
      <t>ソ</t>
    </rPh>
    <rPh sb="7" eb="8">
      <t>ハ</t>
    </rPh>
    <phoneticPr fontId="4"/>
  </si>
  <si>
    <t>ケアサポートいわみ株式会社</t>
    <rPh sb="9" eb="11">
      <t>カブシキ</t>
    </rPh>
    <rPh sb="11" eb="13">
      <t>カイシャ</t>
    </rPh>
    <phoneticPr fontId="4"/>
  </si>
  <si>
    <t>0856-23-2370</t>
    <phoneticPr fontId="4"/>
  </si>
  <si>
    <t>シニアコートなごみ大東</t>
    <rPh sb="9" eb="11">
      <t>ダイトウ</t>
    </rPh>
    <phoneticPr fontId="4"/>
  </si>
  <si>
    <t>島根県雲南市大東町飯田92番地１</t>
    <rPh sb="3" eb="5">
      <t>ウンナン</t>
    </rPh>
    <rPh sb="6" eb="9">
      <t>ダイトウチョウ</t>
    </rPh>
    <rPh sb="9" eb="11">
      <t>イイダ</t>
    </rPh>
    <rPh sb="13" eb="15">
      <t>バンチ</t>
    </rPh>
    <phoneticPr fontId="4"/>
  </si>
  <si>
    <t>株式会社　さくら長寿会</t>
    <rPh sb="8" eb="10">
      <t>チョウジュ</t>
    </rPh>
    <rPh sb="10" eb="11">
      <t>カイ</t>
    </rPh>
    <phoneticPr fontId="4"/>
  </si>
  <si>
    <t>0854-47-7370</t>
    <phoneticPr fontId="4"/>
  </si>
  <si>
    <t>所在地変更・事業廃止等年月日</t>
    <rPh sb="3" eb="5">
      <t>ヘンコウ</t>
    </rPh>
    <rPh sb="6" eb="8">
      <t>ジギョウ</t>
    </rPh>
    <rPh sb="8" eb="10">
      <t>ハイシ</t>
    </rPh>
    <rPh sb="10" eb="11">
      <t>トウ</t>
    </rPh>
    <rPh sb="11" eb="14">
      <t>ネンガッピ</t>
    </rPh>
    <phoneticPr fontId="4"/>
  </si>
  <si>
    <t>所在地</t>
    <phoneticPr fontId="4"/>
  </si>
  <si>
    <t>（事由）</t>
    <rPh sb="1" eb="3">
      <t>ジユウ</t>
    </rPh>
    <phoneticPr fontId="4"/>
  </si>
  <si>
    <t>事業所番号
（特定施設入居者生活介護）</t>
    <rPh sb="0" eb="3">
      <t>ジギョウショ</t>
    </rPh>
    <rPh sb="3" eb="5">
      <t>バンゴウ</t>
    </rPh>
    <rPh sb="7" eb="9">
      <t>トクテイ</t>
    </rPh>
    <rPh sb="9" eb="11">
      <t>シセツ</t>
    </rPh>
    <rPh sb="11" eb="14">
      <t>ニュウキョシャ</t>
    </rPh>
    <rPh sb="14" eb="16">
      <t>セイカツ</t>
    </rPh>
    <rPh sb="16" eb="18">
      <t>カイゴ</t>
    </rPh>
    <phoneticPr fontId="4"/>
  </si>
  <si>
    <t>住所地特例
適用開始日</t>
    <rPh sb="0" eb="2">
      <t>ジュウショ</t>
    </rPh>
    <rPh sb="2" eb="3">
      <t>チ</t>
    </rPh>
    <rPh sb="3" eb="5">
      <t>トクレイ</t>
    </rPh>
    <rPh sb="6" eb="8">
      <t>テキヨウ</t>
    </rPh>
    <rPh sb="8" eb="11">
      <t>カイシビ</t>
    </rPh>
    <phoneticPr fontId="4"/>
  </si>
  <si>
    <t>戸数</t>
    <rPh sb="0" eb="1">
      <t>ト</t>
    </rPh>
    <rPh sb="1" eb="2">
      <t>スウ</t>
    </rPh>
    <phoneticPr fontId="4"/>
  </si>
  <si>
    <t>名称</t>
    <rPh sb="0" eb="2">
      <t>メイショウ</t>
    </rPh>
    <phoneticPr fontId="4"/>
  </si>
  <si>
    <t xml:space="preserve">登録番号
</t>
    <rPh sb="0" eb="2">
      <t>トウロク</t>
    </rPh>
    <rPh sb="2" eb="4">
      <t>バンゴウ</t>
    </rPh>
    <phoneticPr fontId="4"/>
  </si>
  <si>
    <t>ー</t>
    <phoneticPr fontId="4"/>
  </si>
  <si>
    <t>事業開始日又は
入居開始時期</t>
    <rPh sb="0" eb="2">
      <t>ジギョウ</t>
    </rPh>
    <rPh sb="2" eb="4">
      <t>カイシ</t>
    </rPh>
    <rPh sb="4" eb="5">
      <t>ビ</t>
    </rPh>
    <rPh sb="5" eb="6">
      <t>マタ</t>
    </rPh>
    <rPh sb="8" eb="10">
      <t>ニュウキョ</t>
    </rPh>
    <rPh sb="10" eb="12">
      <t>カイシ</t>
    </rPh>
    <rPh sb="12" eb="14">
      <t>ジキ</t>
    </rPh>
    <phoneticPr fontId="4"/>
  </si>
  <si>
    <t>住所地特例
適用開始予定日</t>
    <rPh sb="0" eb="2">
      <t>ジュウショ</t>
    </rPh>
    <rPh sb="2" eb="3">
      <t>チ</t>
    </rPh>
    <rPh sb="3" eb="5">
      <t>トクレイ</t>
    </rPh>
    <rPh sb="6" eb="8">
      <t>テキヨウ</t>
    </rPh>
    <rPh sb="8" eb="10">
      <t>カイシ</t>
    </rPh>
    <rPh sb="10" eb="13">
      <t>ヨテイビ</t>
    </rPh>
    <phoneticPr fontId="4"/>
  </si>
  <si>
    <t>事業開始予定日</t>
    <rPh sb="0" eb="2">
      <t>ジギョウ</t>
    </rPh>
    <rPh sb="2" eb="4">
      <t>カイシ</t>
    </rPh>
    <rPh sb="4" eb="6">
      <t>ヨテイ</t>
    </rPh>
    <rPh sb="6" eb="7">
      <t>ビ</t>
    </rPh>
    <phoneticPr fontId="4"/>
  </si>
  <si>
    <t>0852-6７-1566</t>
    <phoneticPr fontId="4"/>
  </si>
  <si>
    <t>サービス付き高齢者向け住宅（有料老人ホーム該当）一覧</t>
    <rPh sb="4" eb="5">
      <t>ツ</t>
    </rPh>
    <rPh sb="6" eb="9">
      <t>コウレイシャ</t>
    </rPh>
    <rPh sb="9" eb="10">
      <t>ム</t>
    </rPh>
    <rPh sb="11" eb="13">
      <t>ジュウタク</t>
    </rPh>
    <rPh sb="14" eb="16">
      <t>ユウリョウ</t>
    </rPh>
    <rPh sb="16" eb="18">
      <t>ロウジン</t>
    </rPh>
    <rPh sb="21" eb="23">
      <t>ガイトウ</t>
    </rPh>
    <rPh sb="24" eb="26">
      <t>イチラン</t>
    </rPh>
    <phoneticPr fontId="4"/>
  </si>
  <si>
    <t>①住所地特例対象</t>
    <rPh sb="1" eb="4">
      <t>ジュウショチ</t>
    </rPh>
    <rPh sb="4" eb="6">
      <t>トクレイ</t>
    </rPh>
    <rPh sb="6" eb="8">
      <t>タイショウ</t>
    </rPh>
    <phoneticPr fontId="4"/>
  </si>
  <si>
    <t>②住所地特例対象予定</t>
    <rPh sb="1" eb="4">
      <t>ジュウショチ</t>
    </rPh>
    <rPh sb="4" eb="6">
      <t>トクレイ</t>
    </rPh>
    <rPh sb="6" eb="8">
      <t>タイショウ</t>
    </rPh>
    <rPh sb="8" eb="10">
      <t>ヨテイ</t>
    </rPh>
    <phoneticPr fontId="4"/>
  </si>
  <si>
    <t>サービス付き高齢者向け住宅　四十間堀　醫</t>
    <phoneticPr fontId="4"/>
  </si>
  <si>
    <t>サービス付き高齢者向け住宅　シニアコート西津田</t>
    <phoneticPr fontId="4"/>
  </si>
  <si>
    <t>サービス付き高齢者向け住宅　あんじょ</t>
    <phoneticPr fontId="4"/>
  </si>
  <si>
    <t>サービス付き高齢者向け住宅　ふれあいハウス五反田</t>
    <rPh sb="21" eb="24">
      <t>ゴタンダ</t>
    </rPh>
    <phoneticPr fontId="4"/>
  </si>
  <si>
    <t>サービス付き高齢者向け住宅　ヴィラ湖水苑</t>
    <phoneticPr fontId="4"/>
  </si>
  <si>
    <t>サービス付き高齢者向け住宅　ふりーぷらす東園</t>
    <phoneticPr fontId="4"/>
  </si>
  <si>
    <t>サービス付き高齢者向け住宅　和かち逢う家</t>
    <phoneticPr fontId="4"/>
  </si>
  <si>
    <t>サービス付き高齢者向け住宅　心の里　はるにれ</t>
    <rPh sb="14" eb="15">
      <t>ココロ</t>
    </rPh>
    <rPh sb="16" eb="17">
      <t>サト</t>
    </rPh>
    <phoneticPr fontId="4"/>
  </si>
  <si>
    <t>さくらの里</t>
    <rPh sb="4" eb="5">
      <t>サト</t>
    </rPh>
    <phoneticPr fontId="4"/>
  </si>
  <si>
    <t>島根県松江市西川津町1622-1</t>
    <rPh sb="6" eb="7">
      <t>ニシ</t>
    </rPh>
    <rPh sb="7" eb="9">
      <t>カワツ</t>
    </rPh>
    <phoneticPr fontId="4"/>
  </si>
  <si>
    <t>椿貴</t>
    <rPh sb="0" eb="1">
      <t>ツバキ</t>
    </rPh>
    <rPh sb="1" eb="2">
      <t>キ</t>
    </rPh>
    <phoneticPr fontId="4"/>
  </si>
  <si>
    <t>陽だまり荘　Ⅱ号館</t>
    <rPh sb="0" eb="1">
      <t>ヒ</t>
    </rPh>
    <rPh sb="4" eb="5">
      <t>ソウ</t>
    </rPh>
    <rPh sb="7" eb="9">
      <t>ゴウカン</t>
    </rPh>
    <phoneticPr fontId="4"/>
  </si>
  <si>
    <t>島根県出雲市塩冶町１１６６</t>
    <rPh sb="3" eb="6">
      <t>イズモシ</t>
    </rPh>
    <rPh sb="6" eb="8">
      <t>エンヤ</t>
    </rPh>
    <rPh sb="8" eb="9">
      <t>チョウ</t>
    </rPh>
    <phoneticPr fontId="4"/>
  </si>
  <si>
    <t>株式会社　空</t>
    <rPh sb="5" eb="6">
      <t>ソラ</t>
    </rPh>
    <phoneticPr fontId="4"/>
  </si>
  <si>
    <t>サービス付き高齢者向け住宅黒田</t>
    <rPh sb="4" eb="5">
      <t>ツ</t>
    </rPh>
    <rPh sb="6" eb="9">
      <t>コウレイシャ</t>
    </rPh>
    <rPh sb="9" eb="10">
      <t>ム</t>
    </rPh>
    <rPh sb="11" eb="13">
      <t>ジュウタク</t>
    </rPh>
    <rPh sb="13" eb="15">
      <t>クロダ</t>
    </rPh>
    <phoneticPr fontId="4"/>
  </si>
  <si>
    <t>－</t>
    <phoneticPr fontId="4"/>
  </si>
  <si>
    <t>有限会社　KCサポート</t>
    <rPh sb="0" eb="4">
      <t>ユウゲンガイシャ</t>
    </rPh>
    <phoneticPr fontId="4"/>
  </si>
  <si>
    <t>フェリーチェ山代</t>
    <rPh sb="6" eb="8">
      <t>ヤマシロ</t>
    </rPh>
    <phoneticPr fontId="4"/>
  </si>
  <si>
    <t>株式会社　オレンジロード</t>
    <rPh sb="0" eb="4">
      <t>カブシキガイシャ</t>
    </rPh>
    <phoneticPr fontId="4"/>
  </si>
  <si>
    <t>0852-55-2192</t>
    <phoneticPr fontId="4"/>
  </si>
  <si>
    <t>がくえんハイム</t>
    <phoneticPr fontId="4"/>
  </si>
  <si>
    <t>島根県松江市学園南一丁目３４３</t>
    <rPh sb="0" eb="3">
      <t>シマネケン</t>
    </rPh>
    <rPh sb="3" eb="6">
      <t>マツエシ</t>
    </rPh>
    <rPh sb="6" eb="8">
      <t>ガクエン</t>
    </rPh>
    <rPh sb="8" eb="9">
      <t>ミナミ</t>
    </rPh>
    <rPh sb="9" eb="12">
      <t>イッチョウメ</t>
    </rPh>
    <phoneticPr fontId="4"/>
  </si>
  <si>
    <t>島根県松江市黒田町字安台原６０</t>
    <rPh sb="3" eb="6">
      <t>マツエシ</t>
    </rPh>
    <rPh sb="6" eb="8">
      <t>クロダ</t>
    </rPh>
    <rPh sb="8" eb="9">
      <t>チョウ</t>
    </rPh>
    <rPh sb="9" eb="10">
      <t>アザ</t>
    </rPh>
    <rPh sb="10" eb="11">
      <t>ヤス</t>
    </rPh>
    <rPh sb="11" eb="12">
      <t>ダイ</t>
    </rPh>
    <rPh sb="12" eb="13">
      <t>ハラ</t>
    </rPh>
    <phoneticPr fontId="4"/>
  </si>
  <si>
    <t>島根県松江市山代町字光徳庵３６１ー１８</t>
    <rPh sb="0" eb="3">
      <t>シマネケン</t>
    </rPh>
    <rPh sb="3" eb="6">
      <t>マツエシ</t>
    </rPh>
    <rPh sb="6" eb="9">
      <t>ヤマシロチョウ</t>
    </rPh>
    <rPh sb="9" eb="10">
      <t>ジ</t>
    </rPh>
    <rPh sb="10" eb="12">
      <t>コウトク</t>
    </rPh>
    <rPh sb="12" eb="13">
      <t>アン</t>
    </rPh>
    <phoneticPr fontId="4"/>
  </si>
  <si>
    <t>特定非営利活動法人しあわせサービス</t>
    <rPh sb="0" eb="2">
      <t>トクテイ</t>
    </rPh>
    <rPh sb="2" eb="5">
      <t>ヒエイリ</t>
    </rPh>
    <rPh sb="5" eb="7">
      <t>カツドウ</t>
    </rPh>
    <rPh sb="7" eb="9">
      <t>ホウジン</t>
    </rPh>
    <phoneticPr fontId="4"/>
  </si>
  <si>
    <t>薫風の丘</t>
    <rPh sb="0" eb="2">
      <t>クンプウ</t>
    </rPh>
    <rPh sb="3" eb="4">
      <t>オカ</t>
    </rPh>
    <phoneticPr fontId="4"/>
  </si>
  <si>
    <t>島根県出雲市大津町３６２７番地２２</t>
    <rPh sb="0" eb="3">
      <t>シマネケン</t>
    </rPh>
    <rPh sb="3" eb="6">
      <t>イズモシ</t>
    </rPh>
    <rPh sb="6" eb="8">
      <t>オオツ</t>
    </rPh>
    <rPh sb="8" eb="9">
      <t>チョウ</t>
    </rPh>
    <rPh sb="13" eb="15">
      <t>バンチ</t>
    </rPh>
    <phoneticPr fontId="4"/>
  </si>
  <si>
    <t>社会福祉法人　出雲南福祉会</t>
    <rPh sb="0" eb="2">
      <t>シャカイ</t>
    </rPh>
    <rPh sb="2" eb="4">
      <t>フクシ</t>
    </rPh>
    <rPh sb="4" eb="6">
      <t>ホウジン</t>
    </rPh>
    <rPh sb="7" eb="9">
      <t>イズモ</t>
    </rPh>
    <rPh sb="9" eb="10">
      <t>ミナミ</t>
    </rPh>
    <rPh sb="10" eb="12">
      <t>フクシ</t>
    </rPh>
    <rPh sb="12" eb="13">
      <t>カイ</t>
    </rPh>
    <phoneticPr fontId="4"/>
  </si>
  <si>
    <t>サービス付き高齢者向け住宅なないろ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島根県松江市佐草町４５６－１</t>
    <rPh sb="0" eb="3">
      <t>シマネケン</t>
    </rPh>
    <rPh sb="3" eb="6">
      <t>マツエシ</t>
    </rPh>
    <rPh sb="6" eb="7">
      <t>サ</t>
    </rPh>
    <rPh sb="7" eb="8">
      <t>クサ</t>
    </rPh>
    <rPh sb="8" eb="9">
      <t>チョウ</t>
    </rPh>
    <phoneticPr fontId="4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4"/>
  </si>
  <si>
    <t>0852-22-0723</t>
    <phoneticPr fontId="4"/>
  </si>
  <si>
    <t>シニアコート内中原</t>
    <rPh sb="6" eb="7">
      <t>ウチ</t>
    </rPh>
    <rPh sb="7" eb="9">
      <t>ナカハラ</t>
    </rPh>
    <phoneticPr fontId="4"/>
  </si>
  <si>
    <t>島根県松江市内中原町２００－２</t>
    <rPh sb="0" eb="3">
      <t>シマネケン</t>
    </rPh>
    <rPh sb="3" eb="6">
      <t>マツエシ</t>
    </rPh>
    <rPh sb="6" eb="7">
      <t>ウチ</t>
    </rPh>
    <rPh sb="7" eb="9">
      <t>ナカハラ</t>
    </rPh>
    <rPh sb="9" eb="10">
      <t>チョウ</t>
    </rPh>
    <phoneticPr fontId="4"/>
  </si>
  <si>
    <t>0859-30-0233</t>
    <phoneticPr fontId="4"/>
  </si>
  <si>
    <t>シニアステージ大津新崎</t>
    <rPh sb="7" eb="9">
      <t>オオツ</t>
    </rPh>
    <rPh sb="9" eb="10">
      <t>シン</t>
    </rPh>
    <rPh sb="10" eb="11">
      <t>サキ</t>
    </rPh>
    <phoneticPr fontId="4"/>
  </si>
  <si>
    <t>島根県出雲市大津新崎町3-18</t>
    <rPh sb="3" eb="6">
      <t>イズモシ</t>
    </rPh>
    <rPh sb="6" eb="8">
      <t>オオツ</t>
    </rPh>
    <rPh sb="8" eb="9">
      <t>シン</t>
    </rPh>
    <rPh sb="9" eb="10">
      <t>サキ</t>
    </rPh>
    <rPh sb="10" eb="11">
      <t>チョウ</t>
    </rPh>
    <phoneticPr fontId="4"/>
  </si>
  <si>
    <t>社会福祉法人　せんだん会</t>
    <rPh sb="0" eb="2">
      <t>シャカイ</t>
    </rPh>
    <rPh sb="2" eb="4">
      <t>フクシ</t>
    </rPh>
    <rPh sb="4" eb="6">
      <t>ホウジン</t>
    </rPh>
    <rPh sb="11" eb="12">
      <t>カイ</t>
    </rPh>
    <phoneticPr fontId="4"/>
  </si>
  <si>
    <t>0854-23-2256</t>
    <phoneticPr fontId="4"/>
  </si>
  <si>
    <t>690-0001</t>
    <phoneticPr fontId="4"/>
  </si>
  <si>
    <t>690-0881</t>
    <phoneticPr fontId="4"/>
  </si>
  <si>
    <t>699-0111</t>
    <phoneticPr fontId="4"/>
  </si>
  <si>
    <t>690-0015</t>
    <phoneticPr fontId="4"/>
  </si>
  <si>
    <t>690-0815</t>
    <phoneticPr fontId="4"/>
  </si>
  <si>
    <t>690-0803</t>
    <phoneticPr fontId="4"/>
  </si>
  <si>
    <t>690-0047</t>
    <phoneticPr fontId="4"/>
  </si>
  <si>
    <t>690-0855</t>
    <phoneticPr fontId="4"/>
  </si>
  <si>
    <t>690-0873</t>
    <phoneticPr fontId="4"/>
  </si>
  <si>
    <t>690-0044</t>
    <phoneticPr fontId="4"/>
  </si>
  <si>
    <t>690-0017</t>
    <phoneticPr fontId="4"/>
  </si>
  <si>
    <t>690-0011</t>
    <phoneticPr fontId="4"/>
  </si>
  <si>
    <t>690-1221</t>
    <phoneticPr fontId="4"/>
  </si>
  <si>
    <t>690-0024</t>
    <phoneticPr fontId="4"/>
  </si>
  <si>
    <t>699-0101</t>
    <phoneticPr fontId="4"/>
  </si>
  <si>
    <t>690-0031</t>
    <phoneticPr fontId="4"/>
  </si>
  <si>
    <t>690-0823</t>
    <phoneticPr fontId="4"/>
  </si>
  <si>
    <t>690-0863</t>
    <phoneticPr fontId="4"/>
  </si>
  <si>
    <t>690-0852</t>
    <phoneticPr fontId="4"/>
  </si>
  <si>
    <t>690-0035</t>
    <phoneticPr fontId="4"/>
  </si>
  <si>
    <t>690-0876</t>
    <phoneticPr fontId="4"/>
  </si>
  <si>
    <t>690-0826</t>
    <phoneticPr fontId="4"/>
  </si>
  <si>
    <t>692-0007</t>
    <phoneticPr fontId="4"/>
  </si>
  <si>
    <t>699-1221</t>
    <phoneticPr fontId="4"/>
  </si>
  <si>
    <t>693-0004</t>
    <phoneticPr fontId="4"/>
  </si>
  <si>
    <t>693-0021</t>
    <phoneticPr fontId="4"/>
  </si>
  <si>
    <t>699-0811</t>
    <phoneticPr fontId="4"/>
  </si>
  <si>
    <t>693-0045</t>
    <phoneticPr fontId="4"/>
  </si>
  <si>
    <t>699-0641</t>
    <phoneticPr fontId="4"/>
  </si>
  <si>
    <t>691-0001</t>
    <phoneticPr fontId="4"/>
  </si>
  <si>
    <t>693-0011</t>
    <phoneticPr fontId="4"/>
  </si>
  <si>
    <t>694-0041</t>
    <phoneticPr fontId="4"/>
  </si>
  <si>
    <t>694-0052</t>
    <phoneticPr fontId="4"/>
  </si>
  <si>
    <t>694-0064</t>
    <phoneticPr fontId="4"/>
  </si>
  <si>
    <t>694-0054</t>
    <phoneticPr fontId="4"/>
  </si>
  <si>
    <t>695-0017</t>
    <phoneticPr fontId="4"/>
  </si>
  <si>
    <t>699-3211</t>
    <phoneticPr fontId="4"/>
  </si>
  <si>
    <t>698-0043</t>
    <phoneticPr fontId="4"/>
  </si>
  <si>
    <t>698-0011</t>
    <phoneticPr fontId="4"/>
  </si>
  <si>
    <t>690-0873</t>
    <phoneticPr fontId="4"/>
  </si>
  <si>
    <t>693-0012</t>
    <phoneticPr fontId="4"/>
  </si>
  <si>
    <t>692-0011</t>
    <phoneticPr fontId="4"/>
  </si>
  <si>
    <t>郵便番号</t>
    <rPh sb="0" eb="4">
      <t>ユウビンバンゴウ</t>
    </rPh>
    <phoneticPr fontId="4"/>
  </si>
  <si>
    <t>ローズガーデン荒島</t>
    <rPh sb="7" eb="9">
      <t>アラシマ</t>
    </rPh>
    <phoneticPr fontId="4"/>
  </si>
  <si>
    <t>695-0021</t>
    <phoneticPr fontId="4"/>
  </si>
  <si>
    <t>島根県江津市都野津町2372-6</t>
    <rPh sb="0" eb="3">
      <t>シマネケン</t>
    </rPh>
    <rPh sb="3" eb="6">
      <t>ゴウツシ</t>
    </rPh>
    <rPh sb="6" eb="10">
      <t>ツノヅチョウ</t>
    </rPh>
    <phoneticPr fontId="4"/>
  </si>
  <si>
    <t>法人名等</t>
    <rPh sb="3" eb="4">
      <t>トウ</t>
    </rPh>
    <phoneticPr fontId="4"/>
  </si>
  <si>
    <t>サービス付き高齢者向け住宅あかつき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690-0033</t>
    <phoneticPr fontId="4"/>
  </si>
  <si>
    <t>島根県松江市大庭町1811-3</t>
    <rPh sb="0" eb="3">
      <t>シマネケン</t>
    </rPh>
    <rPh sb="3" eb="6">
      <t>マツエシ</t>
    </rPh>
    <rPh sb="6" eb="9">
      <t>オオバチョウ</t>
    </rPh>
    <phoneticPr fontId="4"/>
  </si>
  <si>
    <t>有限会社　おおぞら</t>
    <rPh sb="0" eb="4">
      <t>ユウゲンガイシャ</t>
    </rPh>
    <phoneticPr fontId="4"/>
  </si>
  <si>
    <t>0852-20-2123</t>
    <phoneticPr fontId="4"/>
  </si>
  <si>
    <t>№</t>
    <phoneticPr fontId="4"/>
  </si>
  <si>
    <t>サービス付き高齢者向け住宅ローズガーデンやすぎ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島根県安来市安来町1070－1</t>
    <rPh sb="0" eb="3">
      <t>シマネケン</t>
    </rPh>
    <rPh sb="3" eb="6">
      <t>ヤスギシ</t>
    </rPh>
    <rPh sb="6" eb="9">
      <t>ヤスギチョウ</t>
    </rPh>
    <phoneticPr fontId="4"/>
  </si>
  <si>
    <t>株式会社　浜野屋</t>
    <rPh sb="0" eb="4">
      <t>カブシキガイシャ</t>
    </rPh>
    <rPh sb="5" eb="7">
      <t>ハマノ</t>
    </rPh>
    <rPh sb="7" eb="8">
      <t>ヤ</t>
    </rPh>
    <phoneticPr fontId="4"/>
  </si>
  <si>
    <t>0855-52-3358</t>
    <phoneticPr fontId="4"/>
  </si>
  <si>
    <t>サービス付き高齢者向け住宅　塩見縄手　醫　</t>
    <rPh sb="4" eb="5">
      <t>ツ</t>
    </rPh>
    <rPh sb="6" eb="8">
      <t>コウレイ</t>
    </rPh>
    <rPh sb="8" eb="9">
      <t>シャ</t>
    </rPh>
    <rPh sb="9" eb="10">
      <t>ム</t>
    </rPh>
    <rPh sb="11" eb="13">
      <t>ジュウタク</t>
    </rPh>
    <rPh sb="14" eb="16">
      <t>シオミ</t>
    </rPh>
    <rPh sb="16" eb="18">
      <t>ナワテ</t>
    </rPh>
    <phoneticPr fontId="4"/>
  </si>
  <si>
    <t>690-0888</t>
    <phoneticPr fontId="4"/>
  </si>
  <si>
    <t>島根県松江市北堀町14番</t>
    <rPh sb="0" eb="3">
      <t>シマネケン</t>
    </rPh>
    <rPh sb="3" eb="6">
      <t>マツエシ</t>
    </rPh>
    <rPh sb="6" eb="9">
      <t>キタホリチョウ</t>
    </rPh>
    <rPh sb="11" eb="12">
      <t>バン</t>
    </rPh>
    <phoneticPr fontId="4"/>
  </si>
  <si>
    <t>680-0835</t>
    <phoneticPr fontId="4"/>
  </si>
  <si>
    <t>株式会社　かすみコーポレーション</t>
    <rPh sb="0" eb="4">
      <t>カブシキガイシャ</t>
    </rPh>
    <phoneticPr fontId="4"/>
  </si>
  <si>
    <t>サービス付き高齢者向け住宅　Ｓｍｉｌｅ　Ｇａｒｄｅｎ　つのづ</t>
    <rPh sb="4" eb="5">
      <t>ツ</t>
    </rPh>
    <rPh sb="6" eb="9">
      <t>コウレイシャ</t>
    </rPh>
    <rPh sb="9" eb="10">
      <t>ム</t>
    </rPh>
    <rPh sb="11" eb="13">
      <t>ジュウタク</t>
    </rPh>
    <phoneticPr fontId="4"/>
  </si>
  <si>
    <t>株式会社　サードライフモア</t>
    <phoneticPr fontId="4"/>
  </si>
  <si>
    <t>698-0041</t>
    <phoneticPr fontId="4"/>
  </si>
  <si>
    <t>島根県益田市高津町イ２５５９番地１号</t>
    <rPh sb="0" eb="3">
      <t>シマネケン</t>
    </rPh>
    <rPh sb="3" eb="6">
      <t>マスダシ</t>
    </rPh>
    <rPh sb="6" eb="9">
      <t>タカツチョウ</t>
    </rPh>
    <rPh sb="14" eb="16">
      <t>バンチ</t>
    </rPh>
    <rPh sb="17" eb="18">
      <t>ゴウ</t>
    </rPh>
    <phoneticPr fontId="4"/>
  </si>
  <si>
    <t>社会福祉法人　暁福祉会</t>
    <rPh sb="0" eb="2">
      <t>シャカイ</t>
    </rPh>
    <rPh sb="2" eb="4">
      <t>フクシ</t>
    </rPh>
    <rPh sb="4" eb="6">
      <t>ホウジン</t>
    </rPh>
    <rPh sb="7" eb="8">
      <t>アカツキ</t>
    </rPh>
    <rPh sb="8" eb="10">
      <t>フクシ</t>
    </rPh>
    <rPh sb="10" eb="11">
      <t>カイ</t>
    </rPh>
    <phoneticPr fontId="4"/>
  </si>
  <si>
    <t>0852-67-5010</t>
    <phoneticPr fontId="4"/>
  </si>
  <si>
    <t>医療連携地域優良サービス付き高齢者向け住宅澪静庵</t>
    <rPh sb="0" eb="2">
      <t>イリョウ</t>
    </rPh>
    <rPh sb="2" eb="4">
      <t>レンケイ</t>
    </rPh>
    <rPh sb="4" eb="6">
      <t>チイキ</t>
    </rPh>
    <rPh sb="6" eb="8">
      <t>ユウリョウ</t>
    </rPh>
    <rPh sb="12" eb="13">
      <t>ツ</t>
    </rPh>
    <rPh sb="14" eb="17">
      <t>コウレイシャ</t>
    </rPh>
    <rPh sb="17" eb="18">
      <t>ム</t>
    </rPh>
    <rPh sb="19" eb="21">
      <t>ジュウタク</t>
    </rPh>
    <rPh sb="21" eb="22">
      <t>レイ</t>
    </rPh>
    <rPh sb="22" eb="23">
      <t>シズカ</t>
    </rPh>
    <rPh sb="23" eb="24">
      <t>イオリ</t>
    </rPh>
    <phoneticPr fontId="4"/>
  </si>
  <si>
    <t>島根県松江市西尾町936番地２１</t>
    <rPh sb="0" eb="3">
      <t>シマネケン</t>
    </rPh>
    <rPh sb="3" eb="6">
      <t>マツエシ</t>
    </rPh>
    <rPh sb="6" eb="9">
      <t>ニシオチョウ</t>
    </rPh>
    <rPh sb="12" eb="14">
      <t>バンチ</t>
    </rPh>
    <phoneticPr fontId="4"/>
  </si>
  <si>
    <t>シニアコート春日町</t>
    <rPh sb="6" eb="9">
      <t>カスガチョウ</t>
    </rPh>
    <phoneticPr fontId="4"/>
  </si>
  <si>
    <t>島根県松江市春日町１５７－４</t>
    <rPh sb="0" eb="3">
      <t>シマネケン</t>
    </rPh>
    <rPh sb="3" eb="6">
      <t>マツエシ</t>
    </rPh>
    <rPh sb="6" eb="9">
      <t>カスガチョウ</t>
    </rPh>
    <phoneticPr fontId="4"/>
  </si>
  <si>
    <t>株式会社メディカル・ケア西日本</t>
    <rPh sb="0" eb="4">
      <t>カブシキガイシャ</t>
    </rPh>
    <rPh sb="12" eb="13">
      <t>ニシ</t>
    </rPh>
    <rPh sb="13" eb="15">
      <t>ニホン</t>
    </rPh>
    <phoneticPr fontId="4"/>
  </si>
  <si>
    <t>③住所地特例対象外</t>
    <rPh sb="1" eb="4">
      <t>ジュウショチ</t>
    </rPh>
    <rPh sb="4" eb="6">
      <t>トクレイ</t>
    </rPh>
    <rPh sb="6" eb="8">
      <t>タイショウ</t>
    </rPh>
    <rPh sb="8" eb="9">
      <t>ガイ</t>
    </rPh>
    <phoneticPr fontId="4"/>
  </si>
  <si>
    <t>690-0877</t>
    <phoneticPr fontId="4"/>
  </si>
  <si>
    <t>事業所番号
（地域密着型特定施設入居者生活介護）</t>
    <rPh sb="0" eb="3">
      <t>ジギョウショ</t>
    </rPh>
    <rPh sb="3" eb="5">
      <t>バンゴウ</t>
    </rPh>
    <rPh sb="7" eb="9">
      <t>チイキ</t>
    </rPh>
    <rPh sb="9" eb="11">
      <t>ミッチャク</t>
    </rPh>
    <rPh sb="11" eb="12">
      <t>ガタ</t>
    </rPh>
    <rPh sb="12" eb="14">
      <t>トクテイ</t>
    </rPh>
    <rPh sb="14" eb="16">
      <t>シセツ</t>
    </rPh>
    <rPh sb="16" eb="19">
      <t>ニュウキョシャ</t>
    </rPh>
    <rPh sb="19" eb="21">
      <t>セイカツ</t>
    </rPh>
    <rPh sb="21" eb="23">
      <t>カイゴ</t>
    </rPh>
    <phoneticPr fontId="4"/>
  </si>
  <si>
    <t>0853-25-9111</t>
    <phoneticPr fontId="4"/>
  </si>
  <si>
    <t>0856-25-7300</t>
    <phoneticPr fontId="4"/>
  </si>
  <si>
    <t>0852-39-9005</t>
    <phoneticPr fontId="4"/>
  </si>
  <si>
    <t>0852-67-1275</t>
    <phoneticPr fontId="4"/>
  </si>
  <si>
    <t>693-0001</t>
    <phoneticPr fontId="4"/>
  </si>
  <si>
    <t>シニアコート今市町</t>
    <rPh sb="6" eb="9">
      <t>イマイチチョウ</t>
    </rPh>
    <phoneticPr fontId="4"/>
  </si>
  <si>
    <t>H31.11</t>
    <phoneticPr fontId="4"/>
  </si>
  <si>
    <t>H31.11</t>
    <phoneticPr fontId="4"/>
  </si>
  <si>
    <t>0859-30-0233</t>
    <phoneticPr fontId="4"/>
  </si>
  <si>
    <t>介護複合施設つむぎ</t>
    <phoneticPr fontId="4"/>
  </si>
  <si>
    <t>令和２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4"/>
  </si>
  <si>
    <t>島根県出雲市今市町330番地5</t>
    <rPh sb="0" eb="3">
      <t>シマネケン</t>
    </rPh>
    <rPh sb="3" eb="6">
      <t>イズモシ</t>
    </rPh>
    <rPh sb="6" eb="9">
      <t>イマイチチョウ</t>
    </rPh>
    <rPh sb="12" eb="14">
      <t>バンチ</t>
    </rPh>
    <phoneticPr fontId="4"/>
  </si>
  <si>
    <t>0852-25-1100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19" x14ac:knownFonts="1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scheme val="minor"/>
    </font>
    <font>
      <sz val="10"/>
      <name val="HG丸ｺﾞｼｯｸM-PRO"/>
      <family val="3"/>
      <charset val="128"/>
    </font>
    <font>
      <sz val="6"/>
      <name val="ＭＳ Ｐゴシック"/>
      <family val="3"/>
      <charset val="128"/>
      <scheme val="minor"/>
    </font>
    <font>
      <sz val="11"/>
      <name val="HG丸ｺﾞｼｯｸM-PRO"/>
      <family val="3"/>
      <charset val="128"/>
    </font>
    <font>
      <sz val="11"/>
      <color rgb="FFFF0000"/>
      <name val="ＭＳ Ｐゴシック"/>
      <family val="2"/>
      <scheme val="minor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HG丸ｺﾞｼｯｸM-PRO"/>
      <family val="3"/>
      <charset val="128"/>
    </font>
    <font>
      <sz val="12"/>
      <color theme="1"/>
      <name val="ＭＳ Ｐゴシック"/>
      <family val="2"/>
      <scheme val="minor"/>
    </font>
    <font>
      <sz val="12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indexed="8"/>
      <name val="HG丸ｺﾞｼｯｸM-PRO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2"/>
      <name val="HG丸ｺﾞｼｯｸM-PRO"/>
      <family val="3"/>
      <charset val="128"/>
    </font>
    <font>
      <sz val="12"/>
      <color rgb="FFFF0000"/>
      <name val="HG丸ｺﾞｼｯｸM-PRO"/>
      <family val="3"/>
      <charset val="128"/>
    </font>
    <font>
      <sz val="12"/>
      <color rgb="FFFF0000"/>
      <name val="ＭＳ Ｐゴシック"/>
      <family val="2"/>
      <scheme val="minor"/>
    </font>
    <font>
      <sz val="10"/>
      <color indexed="8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0" fontId="1" fillId="0" borderId="0">
      <alignment vertical="center"/>
    </xf>
    <xf numFmtId="0" fontId="7" fillId="0" borderId="0">
      <alignment vertical="center"/>
    </xf>
    <xf numFmtId="0" fontId="2" fillId="0" borderId="0"/>
    <xf numFmtId="0" fontId="8" fillId="0" borderId="0"/>
    <xf numFmtId="0" fontId="1" fillId="0" borderId="0">
      <alignment vertical="center"/>
    </xf>
  </cellStyleXfs>
  <cellXfs count="57">
    <xf numFmtId="0" fontId="0" fillId="0" borderId="0" xfId="0"/>
    <xf numFmtId="0" fontId="6" fillId="0" borderId="0" xfId="0" applyFont="1" applyFill="1"/>
    <xf numFmtId="0" fontId="3" fillId="0" borderId="4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 shrinkToFit="1"/>
    </xf>
    <xf numFmtId="0" fontId="10" fillId="0" borderId="0" xfId="0" applyFont="1"/>
    <xf numFmtId="0" fontId="11" fillId="0" borderId="0" xfId="0" applyFont="1"/>
    <xf numFmtId="0" fontId="12" fillId="0" borderId="0" xfId="0" applyFont="1"/>
    <xf numFmtId="0" fontId="5" fillId="0" borderId="2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center" vertical="center" shrinkToFit="1"/>
    </xf>
    <xf numFmtId="0" fontId="5" fillId="0" borderId="2" xfId="0" applyFont="1" applyFill="1" applyBorder="1" applyAlignment="1">
      <alignment horizontal="center" vertical="center" wrapText="1"/>
    </xf>
    <xf numFmtId="49" fontId="13" fillId="0" borderId="2" xfId="1" applyNumberFormat="1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shrinkToFit="1"/>
    </xf>
    <xf numFmtId="0" fontId="15" fillId="0" borderId="5" xfId="0" applyFont="1" applyFill="1" applyBorder="1" applyAlignment="1">
      <alignment shrinkToFit="1"/>
    </xf>
    <xf numFmtId="0" fontId="15" fillId="0" borderId="6" xfId="0" applyFont="1" applyFill="1" applyBorder="1" applyAlignment="1">
      <alignment shrinkToFit="1"/>
    </xf>
    <xf numFmtId="57" fontId="15" fillId="0" borderId="2" xfId="0" quotePrefix="1" applyNumberFormat="1" applyFont="1" applyFill="1" applyBorder="1" applyAlignment="1">
      <alignment horizontal="center"/>
    </xf>
    <xf numFmtId="176" fontId="11" fillId="0" borderId="2" xfId="0" applyNumberFormat="1" applyFont="1" applyFill="1" applyBorder="1" applyAlignment="1">
      <alignment horizontal="center" shrinkToFit="1"/>
    </xf>
    <xf numFmtId="0" fontId="15" fillId="0" borderId="2" xfId="0" quotePrefix="1" applyFont="1" applyFill="1" applyBorder="1" applyAlignment="1">
      <alignment horizontal="center"/>
    </xf>
    <xf numFmtId="0" fontId="15" fillId="0" borderId="2" xfId="0" applyFont="1" applyFill="1" applyBorder="1" applyAlignment="1">
      <alignment horizontal="center" shrinkToFit="1"/>
    </xf>
    <xf numFmtId="0" fontId="14" fillId="0" borderId="0" xfId="0" applyFont="1" applyAlignment="1">
      <alignment horizontal="center" vertical="center" shrinkToFit="1"/>
    </xf>
    <xf numFmtId="0" fontId="15" fillId="0" borderId="2" xfId="0" applyFont="1" applyFill="1" applyBorder="1" applyAlignment="1">
      <alignment shrinkToFit="1"/>
    </xf>
    <xf numFmtId="0" fontId="15" fillId="0" borderId="4" xfId="0" applyFont="1" applyFill="1" applyBorder="1" applyAlignment="1">
      <alignment shrinkToFit="1"/>
    </xf>
    <xf numFmtId="0" fontId="15" fillId="0" borderId="3" xfId="0" applyFont="1" applyFill="1" applyBorder="1" applyAlignment="1">
      <alignment shrinkToFit="1"/>
    </xf>
    <xf numFmtId="0" fontId="15" fillId="0" borderId="2" xfId="0" applyFont="1" applyFill="1" applyBorder="1" applyAlignment="1">
      <alignment horizontal="center"/>
    </xf>
    <xf numFmtId="0" fontId="15" fillId="0" borderId="2" xfId="0" applyFont="1" applyFill="1" applyBorder="1" applyAlignment="1">
      <alignment wrapText="1" shrinkToFit="1"/>
    </xf>
    <xf numFmtId="176" fontId="15" fillId="0" borderId="2" xfId="0" applyNumberFormat="1" applyFont="1" applyFill="1" applyBorder="1" applyAlignment="1">
      <alignment horizontal="center" shrinkToFit="1"/>
    </xf>
    <xf numFmtId="176" fontId="16" fillId="0" borderId="2" xfId="0" applyNumberFormat="1" applyFont="1" applyFill="1" applyBorder="1" applyAlignment="1">
      <alignment horizontal="center" shrinkToFit="1"/>
    </xf>
    <xf numFmtId="0" fontId="10" fillId="0" borderId="0" xfId="0" applyFont="1" applyFill="1"/>
    <xf numFmtId="0" fontId="17" fillId="0" borderId="0" xfId="0" applyFont="1" applyFill="1"/>
    <xf numFmtId="0" fontId="0" fillId="0" borderId="0" xfId="0" applyAlignment="1">
      <alignment shrinkToFit="1"/>
    </xf>
    <xf numFmtId="57" fontId="15" fillId="0" borderId="2" xfId="0" quotePrefix="1" applyNumberFormat="1" applyFont="1" applyFill="1" applyBorder="1" applyAlignment="1">
      <alignment horizontal="center" shrinkToFit="1"/>
    </xf>
    <xf numFmtId="49" fontId="18" fillId="0" borderId="2" xfId="1" applyNumberFormat="1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shrinkToFit="1"/>
    </xf>
    <xf numFmtId="0" fontId="10" fillId="0" borderId="0" xfId="0" applyFont="1" applyFill="1" applyBorder="1"/>
    <xf numFmtId="0" fontId="15" fillId="0" borderId="2" xfId="0" applyFont="1" applyFill="1" applyBorder="1" applyAlignment="1">
      <alignment horizontal="left" shrinkToFit="1"/>
    </xf>
    <xf numFmtId="0" fontId="14" fillId="0" borderId="2" xfId="0" applyFont="1" applyBorder="1" applyAlignment="1">
      <alignment horizontal="center" shrinkToFit="1"/>
    </xf>
    <xf numFmtId="0" fontId="10" fillId="0" borderId="2" xfId="0" applyFont="1" applyBorder="1" applyAlignment="1">
      <alignment horizontal="center"/>
    </xf>
    <xf numFmtId="0" fontId="10" fillId="0" borderId="0" xfId="0" applyFont="1" applyBorder="1" applyAlignment="1">
      <alignment horizontal="center"/>
    </xf>
    <xf numFmtId="0" fontId="15" fillId="0" borderId="0" xfId="0" applyFont="1" applyFill="1" applyBorder="1" applyAlignment="1">
      <alignment shrinkToFit="1"/>
    </xf>
    <xf numFmtId="57" fontId="15" fillId="0" borderId="0" xfId="0" quotePrefix="1" applyNumberFormat="1" applyFont="1" applyFill="1" applyBorder="1" applyAlignment="1">
      <alignment horizontal="center"/>
    </xf>
    <xf numFmtId="57" fontId="15" fillId="0" borderId="0" xfId="0" quotePrefix="1" applyNumberFormat="1" applyFont="1" applyFill="1" applyBorder="1" applyAlignment="1">
      <alignment horizontal="center" shrinkToFit="1"/>
    </xf>
    <xf numFmtId="176" fontId="11" fillId="0" borderId="0" xfId="0" applyNumberFormat="1" applyFont="1" applyFill="1" applyBorder="1" applyAlignment="1">
      <alignment horizontal="center" shrinkToFit="1"/>
    </xf>
    <xf numFmtId="0" fontId="15" fillId="0" borderId="0" xfId="0" quotePrefix="1" applyFont="1" applyFill="1" applyBorder="1" applyAlignment="1">
      <alignment horizontal="center"/>
    </xf>
    <xf numFmtId="0" fontId="15" fillId="0" borderId="0" xfId="0" applyFont="1" applyFill="1" applyBorder="1" applyAlignment="1">
      <alignment horizontal="center" shrinkToFit="1"/>
    </xf>
    <xf numFmtId="0" fontId="15" fillId="0" borderId="7" xfId="0" applyFont="1" applyFill="1" applyBorder="1" applyAlignment="1">
      <alignment horizontal="center"/>
    </xf>
    <xf numFmtId="176" fontId="11" fillId="0" borderId="4" xfId="0" applyNumberFormat="1" applyFont="1" applyFill="1" applyBorder="1" applyAlignment="1">
      <alignment horizontal="center" shrinkToFit="1"/>
    </xf>
    <xf numFmtId="0" fontId="11" fillId="0" borderId="2" xfId="0" applyFont="1" applyBorder="1" applyAlignment="1">
      <alignment horizontal="center"/>
    </xf>
    <xf numFmtId="0" fontId="11" fillId="0" borderId="2" xfId="0" applyFont="1" applyBorder="1"/>
    <xf numFmtId="0" fontId="11" fillId="0" borderId="2" xfId="0" applyFont="1" applyBorder="1" applyAlignment="1">
      <alignment shrinkToFit="1"/>
    </xf>
    <xf numFmtId="0" fontId="11" fillId="0" borderId="2" xfId="0" applyFont="1" applyFill="1" applyBorder="1"/>
    <xf numFmtId="57" fontId="11" fillId="0" borderId="2" xfId="0" applyNumberFormat="1" applyFont="1" applyFill="1" applyBorder="1" applyAlignment="1">
      <alignment horizontal="center"/>
    </xf>
    <xf numFmtId="0" fontId="11" fillId="0" borderId="2" xfId="0" applyFont="1" applyFill="1" applyBorder="1" applyAlignment="1">
      <alignment horizontal="center"/>
    </xf>
    <xf numFmtId="0" fontId="11" fillId="0" borderId="4" xfId="0" applyFont="1" applyFill="1" applyBorder="1"/>
    <xf numFmtId="0" fontId="11" fillId="0" borderId="3" xfId="0" applyFont="1" applyFill="1" applyBorder="1"/>
    <xf numFmtId="0" fontId="9" fillId="0" borderId="0" xfId="0" applyFont="1" applyAlignment="1">
      <alignment horizontal="right"/>
    </xf>
    <xf numFmtId="0" fontId="15" fillId="0" borderId="2" xfId="0" quotePrefix="1" applyNumberFormat="1" applyFont="1" applyFill="1" applyBorder="1" applyAlignment="1">
      <alignment horizontal="center"/>
    </xf>
    <xf numFmtId="0" fontId="15" fillId="0" borderId="8" xfId="0" applyFont="1" applyFill="1" applyBorder="1" applyAlignment="1">
      <alignment shrinkToFit="1"/>
    </xf>
    <xf numFmtId="0" fontId="15" fillId="0" borderId="9" xfId="0" applyFont="1" applyFill="1" applyBorder="1" applyAlignment="1">
      <alignment shrinkToFit="1"/>
    </xf>
  </cellXfs>
  <cellStyles count="6">
    <cellStyle name="標準" xfId="0" builtinId="0"/>
    <cellStyle name="標準 2" xfId="1"/>
    <cellStyle name="標準 2 2" xfId="2"/>
    <cellStyle name="標準 3" xfId="3"/>
    <cellStyle name="標準 3 2" xfId="4"/>
    <cellStyle name="標準 4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59"/>
  <sheetViews>
    <sheetView tabSelected="1" zoomScale="75" zoomScaleNormal="75" workbookViewId="0"/>
  </sheetViews>
  <sheetFormatPr defaultRowHeight="13.5" x14ac:dyDescent="0.15"/>
  <cols>
    <col min="1" max="1" width="6.25" customWidth="1"/>
    <col min="2" max="2" width="54.375" customWidth="1"/>
    <col min="3" max="3" width="16.5" customWidth="1"/>
    <col min="4" max="4" width="44.875" customWidth="1"/>
    <col min="5" max="5" width="11.875" customWidth="1"/>
    <col min="6" max="6" width="13" customWidth="1"/>
    <col min="7" max="7" width="15.75" customWidth="1"/>
    <col min="8" max="8" width="13.375" customWidth="1"/>
    <col min="9" max="9" width="12.25" customWidth="1"/>
    <col min="10" max="10" width="23.25" customWidth="1"/>
    <col min="12" max="12" width="34.75" style="28" customWidth="1"/>
    <col min="13" max="13" width="21.875" customWidth="1"/>
  </cols>
  <sheetData>
    <row r="1" spans="1:13" ht="27" customHeight="1" x14ac:dyDescent="0.2">
      <c r="A1" s="6" t="s">
        <v>132</v>
      </c>
    </row>
    <row r="2" spans="1:13" ht="6.75" customHeight="1" x14ac:dyDescent="0.15">
      <c r="A2" s="5"/>
    </row>
    <row r="3" spans="1:13" ht="17.25" customHeight="1" x14ac:dyDescent="0.15">
      <c r="A3" s="5" t="s">
        <v>133</v>
      </c>
      <c r="M3" s="53" t="s">
        <v>260</v>
      </c>
    </row>
    <row r="4" spans="1:13" s="1" customFormat="1" ht="36.75" customHeight="1" x14ac:dyDescent="0.15">
      <c r="A4" s="7" t="s">
        <v>226</v>
      </c>
      <c r="B4" s="7" t="s">
        <v>125</v>
      </c>
      <c r="C4" s="7" t="s">
        <v>216</v>
      </c>
      <c r="D4" s="7" t="s">
        <v>120</v>
      </c>
      <c r="E4" s="2" t="s">
        <v>119</v>
      </c>
      <c r="F4" s="8" t="s">
        <v>121</v>
      </c>
      <c r="G4" s="9" t="s">
        <v>123</v>
      </c>
      <c r="H4" s="3" t="s">
        <v>128</v>
      </c>
      <c r="I4" s="10" t="s">
        <v>126</v>
      </c>
      <c r="J4" s="30" t="s">
        <v>122</v>
      </c>
      <c r="K4" s="7" t="s">
        <v>124</v>
      </c>
      <c r="L4" s="7" t="s">
        <v>64</v>
      </c>
      <c r="M4" s="7" t="s">
        <v>65</v>
      </c>
    </row>
    <row r="5" spans="1:13" s="18" customFormat="1" ht="24.95" customHeight="1" x14ac:dyDescent="0.15">
      <c r="A5" s="34">
        <v>1</v>
      </c>
      <c r="B5" s="11" t="s">
        <v>0</v>
      </c>
      <c r="C5" s="11" t="s">
        <v>174</v>
      </c>
      <c r="D5" s="11" t="s">
        <v>1</v>
      </c>
      <c r="E5" s="12"/>
      <c r="F5" s="13"/>
      <c r="G5" s="14">
        <v>42095</v>
      </c>
      <c r="H5" s="29">
        <v>40700</v>
      </c>
      <c r="I5" s="15">
        <v>1201</v>
      </c>
      <c r="J5" s="15"/>
      <c r="K5" s="16">
        <v>52</v>
      </c>
      <c r="L5" s="11" t="s">
        <v>101</v>
      </c>
      <c r="M5" s="17" t="s">
        <v>131</v>
      </c>
    </row>
    <row r="6" spans="1:13" s="4" customFormat="1" ht="24.95" customHeight="1" x14ac:dyDescent="0.15">
      <c r="A6" s="35">
        <v>2</v>
      </c>
      <c r="B6" s="19" t="s">
        <v>3</v>
      </c>
      <c r="C6" s="19" t="s">
        <v>175</v>
      </c>
      <c r="D6" s="19" t="s">
        <v>81</v>
      </c>
      <c r="E6" s="20"/>
      <c r="F6" s="21"/>
      <c r="G6" s="14">
        <v>42095</v>
      </c>
      <c r="H6" s="29">
        <v>41786</v>
      </c>
      <c r="I6" s="15">
        <v>1302</v>
      </c>
      <c r="J6" s="15"/>
      <c r="K6" s="22">
        <v>44</v>
      </c>
      <c r="L6" s="19" t="s">
        <v>2</v>
      </c>
      <c r="M6" s="17" t="s">
        <v>82</v>
      </c>
    </row>
    <row r="7" spans="1:13" s="4" customFormat="1" ht="24.95" customHeight="1" x14ac:dyDescent="0.15">
      <c r="A7" s="34">
        <v>3</v>
      </c>
      <c r="B7" s="19" t="s">
        <v>5</v>
      </c>
      <c r="C7" s="19" t="s">
        <v>176</v>
      </c>
      <c r="D7" s="19" t="s">
        <v>6</v>
      </c>
      <c r="E7" s="20"/>
      <c r="F7" s="21"/>
      <c r="G7" s="14">
        <v>42095</v>
      </c>
      <c r="H7" s="29">
        <v>41365</v>
      </c>
      <c r="I7" s="15">
        <v>1208</v>
      </c>
      <c r="J7" s="15"/>
      <c r="K7" s="22">
        <v>29</v>
      </c>
      <c r="L7" s="19" t="s">
        <v>4</v>
      </c>
      <c r="M7" s="17" t="s">
        <v>241</v>
      </c>
    </row>
    <row r="8" spans="1:13" s="4" customFormat="1" ht="24.95" customHeight="1" x14ac:dyDescent="0.15">
      <c r="A8" s="34">
        <v>4</v>
      </c>
      <c r="B8" s="19" t="s">
        <v>12</v>
      </c>
      <c r="C8" s="19" t="s">
        <v>177</v>
      </c>
      <c r="D8" s="19" t="s">
        <v>83</v>
      </c>
      <c r="E8" s="20"/>
      <c r="F8" s="21"/>
      <c r="G8" s="14">
        <v>42095</v>
      </c>
      <c r="H8" s="29">
        <v>40913</v>
      </c>
      <c r="I8" s="15">
        <v>1101</v>
      </c>
      <c r="J8" s="15"/>
      <c r="K8" s="22">
        <v>29</v>
      </c>
      <c r="L8" s="19" t="s">
        <v>11</v>
      </c>
      <c r="M8" s="17" t="s">
        <v>66</v>
      </c>
    </row>
    <row r="9" spans="1:13" s="4" customFormat="1" ht="24.95" customHeight="1" x14ac:dyDescent="0.15">
      <c r="A9" s="34">
        <v>5</v>
      </c>
      <c r="B9" s="19" t="s">
        <v>16</v>
      </c>
      <c r="C9" s="19" t="s">
        <v>178</v>
      </c>
      <c r="D9" s="19" t="s">
        <v>17</v>
      </c>
      <c r="E9" s="20"/>
      <c r="F9" s="21"/>
      <c r="G9" s="14">
        <v>42095</v>
      </c>
      <c r="H9" s="29">
        <v>41365</v>
      </c>
      <c r="I9" s="15">
        <v>1206</v>
      </c>
      <c r="J9" s="15"/>
      <c r="K9" s="22">
        <v>29</v>
      </c>
      <c r="L9" s="19" t="s">
        <v>15</v>
      </c>
      <c r="M9" s="17" t="s">
        <v>67</v>
      </c>
    </row>
    <row r="10" spans="1:13" s="4" customFormat="1" ht="24.95" customHeight="1" x14ac:dyDescent="0.15">
      <c r="A10" s="35">
        <v>6</v>
      </c>
      <c r="B10" s="19" t="s">
        <v>22</v>
      </c>
      <c r="C10" s="19" t="s">
        <v>179</v>
      </c>
      <c r="D10" s="19" t="s">
        <v>23</v>
      </c>
      <c r="E10" s="20"/>
      <c r="F10" s="21"/>
      <c r="G10" s="14">
        <v>42095</v>
      </c>
      <c r="H10" s="29">
        <v>40558</v>
      </c>
      <c r="I10" s="15">
        <v>1102</v>
      </c>
      <c r="J10" s="15"/>
      <c r="K10" s="22">
        <v>30</v>
      </c>
      <c r="L10" s="19" t="s">
        <v>21</v>
      </c>
      <c r="M10" s="17" t="s">
        <v>69</v>
      </c>
    </row>
    <row r="11" spans="1:13" s="4" customFormat="1" ht="24.95" customHeight="1" x14ac:dyDescent="0.15">
      <c r="A11" s="34">
        <v>7</v>
      </c>
      <c r="B11" s="19" t="s">
        <v>24</v>
      </c>
      <c r="C11" s="19" t="s">
        <v>180</v>
      </c>
      <c r="D11" s="19" t="s">
        <v>25</v>
      </c>
      <c r="E11" s="20"/>
      <c r="F11" s="21"/>
      <c r="G11" s="14">
        <v>42095</v>
      </c>
      <c r="H11" s="29">
        <v>41597</v>
      </c>
      <c r="I11" s="15">
        <v>1215</v>
      </c>
      <c r="J11" s="15"/>
      <c r="K11" s="22">
        <v>63</v>
      </c>
      <c r="L11" s="19" t="s">
        <v>2</v>
      </c>
      <c r="M11" s="17" t="s">
        <v>84</v>
      </c>
    </row>
    <row r="12" spans="1:13" s="4" customFormat="1" ht="24.95" customHeight="1" x14ac:dyDescent="0.15">
      <c r="A12" s="34">
        <v>8</v>
      </c>
      <c r="B12" s="19" t="s">
        <v>27</v>
      </c>
      <c r="C12" s="19" t="s">
        <v>181</v>
      </c>
      <c r="D12" s="19" t="s">
        <v>28</v>
      </c>
      <c r="E12" s="20"/>
      <c r="F12" s="21"/>
      <c r="G12" s="14">
        <v>42095</v>
      </c>
      <c r="H12" s="29">
        <v>40340</v>
      </c>
      <c r="I12" s="15">
        <v>1214</v>
      </c>
      <c r="J12" s="15"/>
      <c r="K12" s="22">
        <v>29</v>
      </c>
      <c r="L12" s="19" t="s">
        <v>26</v>
      </c>
      <c r="M12" s="17" t="s">
        <v>85</v>
      </c>
    </row>
    <row r="13" spans="1:13" s="4" customFormat="1" ht="24.95" customHeight="1" x14ac:dyDescent="0.15">
      <c r="A13" s="34">
        <v>9</v>
      </c>
      <c r="B13" s="23" t="s">
        <v>135</v>
      </c>
      <c r="C13" s="23" t="s">
        <v>182</v>
      </c>
      <c r="D13" s="19" t="s">
        <v>30</v>
      </c>
      <c r="E13" s="20"/>
      <c r="F13" s="21"/>
      <c r="G13" s="14">
        <v>40630</v>
      </c>
      <c r="H13" s="29">
        <v>40630</v>
      </c>
      <c r="I13" s="15">
        <v>1106</v>
      </c>
      <c r="J13" s="15">
        <v>3270102399</v>
      </c>
      <c r="K13" s="22">
        <v>61</v>
      </c>
      <c r="L13" s="19" t="s">
        <v>29</v>
      </c>
      <c r="M13" s="17" t="s">
        <v>70</v>
      </c>
    </row>
    <row r="14" spans="1:13" s="4" customFormat="1" ht="24.95" customHeight="1" x14ac:dyDescent="0.15">
      <c r="A14" s="35">
        <v>10</v>
      </c>
      <c r="B14" s="19" t="s">
        <v>41</v>
      </c>
      <c r="C14" s="19" t="s">
        <v>183</v>
      </c>
      <c r="D14" s="19" t="s">
        <v>42</v>
      </c>
      <c r="E14" s="20"/>
      <c r="F14" s="21"/>
      <c r="G14" s="14">
        <v>42095</v>
      </c>
      <c r="H14" s="29" t="s">
        <v>127</v>
      </c>
      <c r="I14" s="15">
        <v>1211</v>
      </c>
      <c r="J14" s="15"/>
      <c r="K14" s="22">
        <v>30</v>
      </c>
      <c r="L14" s="19" t="s">
        <v>40</v>
      </c>
      <c r="M14" s="17" t="s">
        <v>74</v>
      </c>
    </row>
    <row r="15" spans="1:13" s="4" customFormat="1" ht="24.95" customHeight="1" x14ac:dyDescent="0.15">
      <c r="A15" s="34">
        <v>11</v>
      </c>
      <c r="B15" s="23" t="s">
        <v>136</v>
      </c>
      <c r="C15" s="23" t="s">
        <v>184</v>
      </c>
      <c r="D15" s="19" t="s">
        <v>52</v>
      </c>
      <c r="E15" s="20"/>
      <c r="F15" s="21"/>
      <c r="G15" s="14">
        <v>42095</v>
      </c>
      <c r="H15" s="29">
        <v>41001</v>
      </c>
      <c r="I15" s="15">
        <v>1105</v>
      </c>
      <c r="J15" s="15"/>
      <c r="K15" s="22">
        <v>65</v>
      </c>
      <c r="L15" s="19" t="s">
        <v>2</v>
      </c>
      <c r="M15" s="17" t="s">
        <v>86</v>
      </c>
    </row>
    <row r="16" spans="1:13" s="4" customFormat="1" ht="24.95" customHeight="1" x14ac:dyDescent="0.15">
      <c r="A16" s="34">
        <v>12</v>
      </c>
      <c r="B16" s="19" t="s">
        <v>57</v>
      </c>
      <c r="C16" s="19" t="s">
        <v>185</v>
      </c>
      <c r="D16" s="19" t="s">
        <v>58</v>
      </c>
      <c r="E16" s="20"/>
      <c r="F16" s="21"/>
      <c r="G16" s="14">
        <v>42095</v>
      </c>
      <c r="H16" s="29">
        <v>41609</v>
      </c>
      <c r="I16" s="15">
        <v>1304</v>
      </c>
      <c r="J16" s="15"/>
      <c r="K16" s="22">
        <v>20</v>
      </c>
      <c r="L16" s="19" t="s">
        <v>56</v>
      </c>
      <c r="M16" s="17" t="s">
        <v>87</v>
      </c>
    </row>
    <row r="17" spans="1:13" s="4" customFormat="1" ht="24.95" customHeight="1" x14ac:dyDescent="0.15">
      <c r="A17" s="35">
        <v>13</v>
      </c>
      <c r="B17" s="19" t="s">
        <v>62</v>
      </c>
      <c r="C17" s="19" t="s">
        <v>186</v>
      </c>
      <c r="D17" s="19" t="s">
        <v>63</v>
      </c>
      <c r="E17" s="20"/>
      <c r="F17" s="21"/>
      <c r="G17" s="14">
        <v>42095</v>
      </c>
      <c r="H17" s="29">
        <v>41730</v>
      </c>
      <c r="I17" s="24">
        <v>1306</v>
      </c>
      <c r="J17" s="25"/>
      <c r="K17" s="22">
        <v>16</v>
      </c>
      <c r="L17" s="19" t="s">
        <v>43</v>
      </c>
      <c r="M17" s="17" t="s">
        <v>75</v>
      </c>
    </row>
    <row r="18" spans="1:13" s="26" customFormat="1" ht="24.95" customHeight="1" x14ac:dyDescent="0.15">
      <c r="A18" s="34">
        <v>14</v>
      </c>
      <c r="B18" s="23" t="s">
        <v>137</v>
      </c>
      <c r="C18" s="23" t="s">
        <v>187</v>
      </c>
      <c r="D18" s="19" t="s">
        <v>96</v>
      </c>
      <c r="E18" s="20"/>
      <c r="F18" s="21"/>
      <c r="G18" s="14">
        <v>42095</v>
      </c>
      <c r="H18" s="29">
        <v>41805</v>
      </c>
      <c r="I18" s="15">
        <v>1308</v>
      </c>
      <c r="J18" s="15"/>
      <c r="K18" s="22">
        <v>20</v>
      </c>
      <c r="L18" s="19" t="s">
        <v>97</v>
      </c>
      <c r="M18" s="17" t="s">
        <v>98</v>
      </c>
    </row>
    <row r="19" spans="1:13" s="26" customFormat="1" ht="24.95" customHeight="1" x14ac:dyDescent="0.15">
      <c r="A19" s="34">
        <v>15</v>
      </c>
      <c r="B19" s="23" t="s">
        <v>138</v>
      </c>
      <c r="C19" s="23" t="s">
        <v>188</v>
      </c>
      <c r="D19" s="19" t="s">
        <v>99</v>
      </c>
      <c r="E19" s="20"/>
      <c r="F19" s="21"/>
      <c r="G19" s="14">
        <v>42095</v>
      </c>
      <c r="H19" s="29">
        <v>41883</v>
      </c>
      <c r="I19" s="15">
        <v>1309</v>
      </c>
      <c r="J19" s="15"/>
      <c r="K19" s="22">
        <v>27</v>
      </c>
      <c r="L19" s="19" t="s">
        <v>102</v>
      </c>
      <c r="M19" s="17" t="s">
        <v>100</v>
      </c>
    </row>
    <row r="20" spans="1:13" s="26" customFormat="1" ht="24.95" customHeight="1" x14ac:dyDescent="0.15">
      <c r="A20" s="34">
        <v>16</v>
      </c>
      <c r="B20" s="19" t="s">
        <v>143</v>
      </c>
      <c r="C20" s="19" t="s">
        <v>190</v>
      </c>
      <c r="D20" s="19" t="s">
        <v>144</v>
      </c>
      <c r="E20" s="20"/>
      <c r="F20" s="21"/>
      <c r="G20" s="14">
        <v>42095</v>
      </c>
      <c r="H20" s="29">
        <v>42095</v>
      </c>
      <c r="I20" s="15">
        <v>1402</v>
      </c>
      <c r="J20" s="14"/>
      <c r="K20" s="22">
        <v>29</v>
      </c>
      <c r="L20" s="19" t="s">
        <v>15</v>
      </c>
      <c r="M20" s="17" t="s">
        <v>103</v>
      </c>
    </row>
    <row r="21" spans="1:13" s="26" customFormat="1" ht="24.95" customHeight="1" x14ac:dyDescent="0.15">
      <c r="A21" s="34">
        <v>17</v>
      </c>
      <c r="B21" s="19" t="s">
        <v>107</v>
      </c>
      <c r="C21" s="19" t="s">
        <v>191</v>
      </c>
      <c r="D21" s="19" t="s">
        <v>108</v>
      </c>
      <c r="E21" s="20"/>
      <c r="F21" s="21"/>
      <c r="G21" s="14">
        <v>42095</v>
      </c>
      <c r="H21" s="29">
        <v>42095</v>
      </c>
      <c r="I21" s="15">
        <v>1405</v>
      </c>
      <c r="J21" s="14"/>
      <c r="K21" s="22">
        <v>7</v>
      </c>
      <c r="L21" s="19" t="s">
        <v>109</v>
      </c>
      <c r="M21" s="17" t="s">
        <v>110</v>
      </c>
    </row>
    <row r="22" spans="1:13" s="26" customFormat="1" ht="24.95" customHeight="1" x14ac:dyDescent="0.15">
      <c r="A22" s="34">
        <v>18</v>
      </c>
      <c r="B22" s="19" t="s">
        <v>145</v>
      </c>
      <c r="C22" s="19" t="s">
        <v>192</v>
      </c>
      <c r="D22" s="19" t="s">
        <v>104</v>
      </c>
      <c r="E22" s="20"/>
      <c r="F22" s="21"/>
      <c r="G22" s="14">
        <v>42268</v>
      </c>
      <c r="H22" s="29">
        <v>42268</v>
      </c>
      <c r="I22" s="15">
        <v>1404</v>
      </c>
      <c r="J22" s="15">
        <v>3270103587</v>
      </c>
      <c r="K22" s="22">
        <v>50</v>
      </c>
      <c r="L22" s="19" t="s">
        <v>105</v>
      </c>
      <c r="M22" s="17" t="s">
        <v>106</v>
      </c>
    </row>
    <row r="23" spans="1:13" s="26" customFormat="1" ht="24.95" customHeight="1" x14ac:dyDescent="0.15">
      <c r="A23" s="34">
        <v>19</v>
      </c>
      <c r="B23" s="19" t="s">
        <v>163</v>
      </c>
      <c r="C23" s="19" t="s">
        <v>193</v>
      </c>
      <c r="D23" s="19" t="s">
        <v>164</v>
      </c>
      <c r="E23" s="20"/>
      <c r="F23" s="21"/>
      <c r="G23" s="14">
        <v>42401</v>
      </c>
      <c r="H23" s="29">
        <v>42401</v>
      </c>
      <c r="I23" s="15">
        <v>1508</v>
      </c>
      <c r="J23" s="15"/>
      <c r="K23" s="22">
        <v>27</v>
      </c>
      <c r="L23" s="19" t="s">
        <v>165</v>
      </c>
      <c r="M23" s="17" t="s">
        <v>166</v>
      </c>
    </row>
    <row r="24" spans="1:13" s="26" customFormat="1" ht="24.95" customHeight="1" x14ac:dyDescent="0.15">
      <c r="A24" s="34">
        <v>20</v>
      </c>
      <c r="B24" s="19" t="s">
        <v>149</v>
      </c>
      <c r="C24" s="19" t="s">
        <v>194</v>
      </c>
      <c r="D24" s="19" t="s">
        <v>157</v>
      </c>
      <c r="E24" s="20"/>
      <c r="F24" s="21"/>
      <c r="G24" s="14">
        <v>42461</v>
      </c>
      <c r="H24" s="29">
        <v>42461</v>
      </c>
      <c r="I24" s="15">
        <v>1503</v>
      </c>
      <c r="J24" s="14"/>
      <c r="K24" s="22">
        <v>28</v>
      </c>
      <c r="L24" s="19" t="s">
        <v>151</v>
      </c>
      <c r="M24" s="17" t="s">
        <v>154</v>
      </c>
    </row>
    <row r="25" spans="1:13" s="26" customFormat="1" ht="24.95" customHeight="1" x14ac:dyDescent="0.15">
      <c r="A25" s="34">
        <v>21</v>
      </c>
      <c r="B25" s="19" t="s">
        <v>152</v>
      </c>
      <c r="C25" s="19" t="s">
        <v>189</v>
      </c>
      <c r="D25" s="19" t="s">
        <v>158</v>
      </c>
      <c r="E25" s="20"/>
      <c r="F25" s="21"/>
      <c r="G25" s="14">
        <v>42461</v>
      </c>
      <c r="H25" s="29">
        <v>42461</v>
      </c>
      <c r="I25" s="15">
        <v>1504</v>
      </c>
      <c r="J25" s="14"/>
      <c r="K25" s="22">
        <v>29</v>
      </c>
      <c r="L25" s="19" t="s">
        <v>153</v>
      </c>
      <c r="M25" s="17" t="s">
        <v>67</v>
      </c>
    </row>
    <row r="26" spans="1:13" s="26" customFormat="1" ht="24.95" customHeight="1" x14ac:dyDescent="0.15">
      <c r="A26" s="34">
        <v>22</v>
      </c>
      <c r="B26" s="19" t="s">
        <v>155</v>
      </c>
      <c r="C26" s="19" t="s">
        <v>195</v>
      </c>
      <c r="D26" s="19" t="s">
        <v>156</v>
      </c>
      <c r="E26" s="20"/>
      <c r="F26" s="21"/>
      <c r="G26" s="14">
        <v>42461</v>
      </c>
      <c r="H26" s="29">
        <v>42461</v>
      </c>
      <c r="I26" s="15">
        <v>1507</v>
      </c>
      <c r="J26" s="14"/>
      <c r="K26" s="22">
        <v>18</v>
      </c>
      <c r="L26" s="19" t="s">
        <v>159</v>
      </c>
      <c r="M26" s="17" t="s">
        <v>75</v>
      </c>
    </row>
    <row r="27" spans="1:13" s="1" customFormat="1" ht="24.75" customHeight="1" x14ac:dyDescent="0.15">
      <c r="A27" s="34">
        <v>23</v>
      </c>
      <c r="B27" s="19" t="s">
        <v>167</v>
      </c>
      <c r="C27" s="19" t="s">
        <v>213</v>
      </c>
      <c r="D27" s="19" t="s">
        <v>168</v>
      </c>
      <c r="E27" s="20"/>
      <c r="F27" s="21"/>
      <c r="G27" s="14">
        <v>42571</v>
      </c>
      <c r="H27" s="29">
        <v>42571</v>
      </c>
      <c r="I27" s="15">
        <v>1506</v>
      </c>
      <c r="J27" s="14"/>
      <c r="K27" s="22">
        <v>40</v>
      </c>
      <c r="L27" s="19" t="s">
        <v>2</v>
      </c>
      <c r="M27" s="17" t="s">
        <v>169</v>
      </c>
    </row>
    <row r="28" spans="1:13" ht="24.75" customHeight="1" x14ac:dyDescent="0.15">
      <c r="A28" s="34">
        <v>24</v>
      </c>
      <c r="B28" s="19" t="s">
        <v>221</v>
      </c>
      <c r="C28" s="19" t="s">
        <v>222</v>
      </c>
      <c r="D28" s="19" t="s">
        <v>223</v>
      </c>
      <c r="E28" s="20"/>
      <c r="F28" s="21"/>
      <c r="G28" s="14">
        <v>42675</v>
      </c>
      <c r="H28" s="14">
        <v>42675</v>
      </c>
      <c r="I28" s="15">
        <v>1603</v>
      </c>
      <c r="J28" s="14"/>
      <c r="K28" s="22">
        <v>26</v>
      </c>
      <c r="L28" s="19" t="s">
        <v>224</v>
      </c>
      <c r="M28" s="17" t="s">
        <v>225</v>
      </c>
    </row>
    <row r="29" spans="1:13" ht="24.75" customHeight="1" x14ac:dyDescent="0.15">
      <c r="A29" s="34">
        <v>25</v>
      </c>
      <c r="B29" s="19" t="s">
        <v>242</v>
      </c>
      <c r="C29" s="19" t="s">
        <v>234</v>
      </c>
      <c r="D29" s="19" t="s">
        <v>243</v>
      </c>
      <c r="E29" s="20"/>
      <c r="F29" s="21"/>
      <c r="G29" s="14">
        <v>43191</v>
      </c>
      <c r="H29" s="14">
        <v>43191</v>
      </c>
      <c r="I29" s="15">
        <v>1701</v>
      </c>
      <c r="J29" s="14" t="s">
        <v>150</v>
      </c>
      <c r="K29" s="22">
        <v>40</v>
      </c>
      <c r="L29" s="19" t="s">
        <v>235</v>
      </c>
      <c r="M29" s="17" t="s">
        <v>252</v>
      </c>
    </row>
    <row r="30" spans="1:13" ht="24.75" customHeight="1" x14ac:dyDescent="0.15">
      <c r="A30" s="34">
        <v>26</v>
      </c>
      <c r="B30" s="19" t="s">
        <v>231</v>
      </c>
      <c r="C30" s="19" t="s">
        <v>232</v>
      </c>
      <c r="D30" s="19" t="s">
        <v>233</v>
      </c>
      <c r="E30" s="20"/>
      <c r="F30" s="21"/>
      <c r="G30" s="14">
        <v>43283</v>
      </c>
      <c r="H30" s="14">
        <v>43283</v>
      </c>
      <c r="I30" s="44">
        <v>1702</v>
      </c>
      <c r="J30" s="54">
        <v>3270103983</v>
      </c>
      <c r="K30" s="43">
        <v>60</v>
      </c>
      <c r="L30" s="19" t="s">
        <v>29</v>
      </c>
      <c r="M30" s="17" t="s">
        <v>262</v>
      </c>
    </row>
    <row r="31" spans="1:13" ht="24.75" customHeight="1" x14ac:dyDescent="0.15">
      <c r="A31" s="34">
        <v>27</v>
      </c>
      <c r="B31" s="48" t="s">
        <v>244</v>
      </c>
      <c r="C31" s="48" t="s">
        <v>248</v>
      </c>
      <c r="D31" s="48" t="s">
        <v>245</v>
      </c>
      <c r="E31" s="51"/>
      <c r="F31" s="52"/>
      <c r="G31" s="49">
        <v>43362</v>
      </c>
      <c r="H31" s="49">
        <v>43362</v>
      </c>
      <c r="I31" s="50">
        <v>1704</v>
      </c>
      <c r="J31" s="48"/>
      <c r="K31" s="50">
        <v>53</v>
      </c>
      <c r="L31" s="48" t="s">
        <v>246</v>
      </c>
      <c r="M31" s="50" t="s">
        <v>253</v>
      </c>
    </row>
    <row r="32" spans="1:13" s="26" customFormat="1" ht="24.95" customHeight="1" x14ac:dyDescent="0.15">
      <c r="A32" s="34">
        <v>28</v>
      </c>
      <c r="B32" s="19" t="s">
        <v>227</v>
      </c>
      <c r="C32" s="19" t="s">
        <v>215</v>
      </c>
      <c r="D32" s="19" t="s">
        <v>228</v>
      </c>
      <c r="E32" s="20"/>
      <c r="F32" s="21"/>
      <c r="G32" s="14">
        <v>42745</v>
      </c>
      <c r="H32" s="14">
        <v>42745</v>
      </c>
      <c r="I32" s="15">
        <v>1601</v>
      </c>
      <c r="J32" s="14"/>
      <c r="K32" s="22">
        <v>30</v>
      </c>
      <c r="L32" s="19" t="s">
        <v>172</v>
      </c>
      <c r="M32" s="17" t="s">
        <v>173</v>
      </c>
    </row>
    <row r="33" spans="1:13" s="26" customFormat="1" ht="24.95" customHeight="1" x14ac:dyDescent="0.15">
      <c r="A33" s="34">
        <v>29</v>
      </c>
      <c r="B33" s="19" t="s">
        <v>115</v>
      </c>
      <c r="C33" s="19" t="s">
        <v>197</v>
      </c>
      <c r="D33" s="19" t="s">
        <v>116</v>
      </c>
      <c r="E33" s="20"/>
      <c r="F33" s="21"/>
      <c r="G33" s="14">
        <v>42095</v>
      </c>
      <c r="H33" s="29">
        <v>41940</v>
      </c>
      <c r="I33" s="15">
        <v>1307</v>
      </c>
      <c r="J33" s="15"/>
      <c r="K33" s="22">
        <v>64</v>
      </c>
      <c r="L33" s="19" t="s">
        <v>117</v>
      </c>
      <c r="M33" s="17" t="s">
        <v>118</v>
      </c>
    </row>
    <row r="34" spans="1:13" s="26" customFormat="1" ht="24.95" customHeight="1" x14ac:dyDescent="0.15">
      <c r="A34" s="34">
        <v>30</v>
      </c>
      <c r="B34" s="19" t="s">
        <v>13</v>
      </c>
      <c r="C34" s="19" t="s">
        <v>198</v>
      </c>
      <c r="D34" s="19" t="s">
        <v>14</v>
      </c>
      <c r="E34" s="20"/>
      <c r="F34" s="21"/>
      <c r="G34" s="14">
        <v>42095</v>
      </c>
      <c r="H34" s="29">
        <v>41351</v>
      </c>
      <c r="I34" s="15">
        <v>1203</v>
      </c>
      <c r="J34" s="15"/>
      <c r="K34" s="22">
        <v>70</v>
      </c>
      <c r="L34" s="19" t="s">
        <v>2</v>
      </c>
      <c r="M34" s="17" t="s">
        <v>90</v>
      </c>
    </row>
    <row r="35" spans="1:13" s="26" customFormat="1" ht="24.95" customHeight="1" x14ac:dyDescent="0.15">
      <c r="A35" s="34">
        <v>31</v>
      </c>
      <c r="B35" s="19" t="s">
        <v>32</v>
      </c>
      <c r="C35" s="19" t="s">
        <v>199</v>
      </c>
      <c r="D35" s="19" t="s">
        <v>33</v>
      </c>
      <c r="E35" s="20"/>
      <c r="F35" s="21"/>
      <c r="G35" s="14">
        <v>42095</v>
      </c>
      <c r="H35" s="29">
        <v>41214</v>
      </c>
      <c r="I35" s="15">
        <v>1213</v>
      </c>
      <c r="J35" s="15"/>
      <c r="K35" s="22">
        <v>19</v>
      </c>
      <c r="L35" s="19" t="s">
        <v>31</v>
      </c>
      <c r="M35" s="17" t="s">
        <v>71</v>
      </c>
    </row>
    <row r="36" spans="1:13" s="26" customFormat="1" ht="24.95" customHeight="1" x14ac:dyDescent="0.15">
      <c r="A36" s="34">
        <v>32</v>
      </c>
      <c r="B36" s="23" t="s">
        <v>139</v>
      </c>
      <c r="C36" s="23" t="s">
        <v>200</v>
      </c>
      <c r="D36" s="19" t="s">
        <v>91</v>
      </c>
      <c r="E36" s="20"/>
      <c r="F36" s="21"/>
      <c r="G36" s="14">
        <v>41214</v>
      </c>
      <c r="H36" s="29">
        <v>41030</v>
      </c>
      <c r="I36" s="15">
        <v>1202</v>
      </c>
      <c r="J36" s="15">
        <v>3270402096</v>
      </c>
      <c r="K36" s="22">
        <v>40</v>
      </c>
      <c r="L36" s="19" t="s">
        <v>39</v>
      </c>
      <c r="M36" s="17" t="s">
        <v>73</v>
      </c>
    </row>
    <row r="37" spans="1:13" s="26" customFormat="1" ht="24.95" customHeight="1" x14ac:dyDescent="0.15">
      <c r="A37" s="34">
        <v>33</v>
      </c>
      <c r="B37" s="23" t="s">
        <v>140</v>
      </c>
      <c r="C37" s="23" t="s">
        <v>201</v>
      </c>
      <c r="D37" s="19" t="s">
        <v>45</v>
      </c>
      <c r="E37" s="20"/>
      <c r="F37" s="21"/>
      <c r="G37" s="14">
        <v>42095</v>
      </c>
      <c r="H37" s="29">
        <v>41365</v>
      </c>
      <c r="I37" s="15">
        <v>1205</v>
      </c>
      <c r="J37" s="15"/>
      <c r="K37" s="22">
        <v>22</v>
      </c>
      <c r="L37" s="19" t="s">
        <v>44</v>
      </c>
      <c r="M37" s="17" t="s">
        <v>76</v>
      </c>
    </row>
    <row r="38" spans="1:13" s="26" customFormat="1" ht="24.95" customHeight="1" x14ac:dyDescent="0.15">
      <c r="A38" s="34">
        <v>34</v>
      </c>
      <c r="B38" s="19" t="s">
        <v>92</v>
      </c>
      <c r="C38" s="19" t="s">
        <v>202</v>
      </c>
      <c r="D38" s="19" t="s">
        <v>60</v>
      </c>
      <c r="E38" s="20"/>
      <c r="F38" s="21"/>
      <c r="G38" s="14">
        <v>42095</v>
      </c>
      <c r="H38" s="29">
        <v>41730</v>
      </c>
      <c r="I38" s="15">
        <v>1303</v>
      </c>
      <c r="J38" s="15"/>
      <c r="K38" s="22">
        <v>30</v>
      </c>
      <c r="L38" s="19" t="s">
        <v>59</v>
      </c>
      <c r="M38" s="17" t="s">
        <v>93</v>
      </c>
    </row>
    <row r="39" spans="1:13" s="26" customFormat="1" ht="24.95" customHeight="1" x14ac:dyDescent="0.15">
      <c r="A39" s="34">
        <v>35</v>
      </c>
      <c r="B39" s="19" t="s">
        <v>7</v>
      </c>
      <c r="C39" s="19" t="s">
        <v>203</v>
      </c>
      <c r="D39" s="19" t="s">
        <v>8</v>
      </c>
      <c r="E39" s="20"/>
      <c r="F39" s="21"/>
      <c r="G39" s="14">
        <v>41716</v>
      </c>
      <c r="H39" s="29">
        <v>41715</v>
      </c>
      <c r="I39" s="15">
        <v>1301</v>
      </c>
      <c r="J39" s="15">
        <v>3270402393</v>
      </c>
      <c r="K39" s="22">
        <v>50</v>
      </c>
      <c r="L39" s="19" t="s">
        <v>2</v>
      </c>
      <c r="M39" s="17" t="s">
        <v>89</v>
      </c>
    </row>
    <row r="40" spans="1:13" s="26" customFormat="1" ht="24.95" customHeight="1" x14ac:dyDescent="0.15">
      <c r="A40" s="34">
        <v>36</v>
      </c>
      <c r="B40" s="31" t="s">
        <v>146</v>
      </c>
      <c r="C40" s="33" t="s">
        <v>199</v>
      </c>
      <c r="D40" s="19" t="s">
        <v>147</v>
      </c>
      <c r="E40" s="20"/>
      <c r="F40" s="21"/>
      <c r="G40" s="14">
        <v>42278</v>
      </c>
      <c r="H40" s="29">
        <v>42278</v>
      </c>
      <c r="I40" s="15">
        <v>1502</v>
      </c>
      <c r="J40" s="14"/>
      <c r="K40" s="22">
        <v>19</v>
      </c>
      <c r="L40" s="19" t="s">
        <v>148</v>
      </c>
      <c r="M40" s="17" t="s">
        <v>71</v>
      </c>
    </row>
    <row r="41" spans="1:13" s="1" customFormat="1" ht="24.75" customHeight="1" x14ac:dyDescent="0.15">
      <c r="A41" s="34">
        <v>37</v>
      </c>
      <c r="B41" s="31" t="s">
        <v>160</v>
      </c>
      <c r="C41" s="33" t="s">
        <v>204</v>
      </c>
      <c r="D41" s="19" t="s">
        <v>161</v>
      </c>
      <c r="E41" s="20"/>
      <c r="F41" s="21"/>
      <c r="G41" s="14">
        <v>42453</v>
      </c>
      <c r="H41" s="29">
        <v>42453</v>
      </c>
      <c r="I41" s="15">
        <v>1501</v>
      </c>
      <c r="J41" s="14"/>
      <c r="K41" s="22">
        <v>45</v>
      </c>
      <c r="L41" s="19" t="s">
        <v>162</v>
      </c>
      <c r="M41" s="17" t="s">
        <v>250</v>
      </c>
    </row>
    <row r="42" spans="1:13" s="26" customFormat="1" ht="24.95" customHeight="1" x14ac:dyDescent="0.15">
      <c r="A42" s="34">
        <v>38</v>
      </c>
      <c r="B42" s="19" t="s">
        <v>170</v>
      </c>
      <c r="C42" s="19" t="s">
        <v>214</v>
      </c>
      <c r="D42" s="19" t="s">
        <v>171</v>
      </c>
      <c r="E42" s="20"/>
      <c r="F42" s="21"/>
      <c r="G42" s="14">
        <v>42690</v>
      </c>
      <c r="H42" s="29">
        <v>42690</v>
      </c>
      <c r="I42" s="15">
        <v>1509</v>
      </c>
      <c r="J42" s="14"/>
      <c r="K42" s="22">
        <v>51</v>
      </c>
      <c r="L42" s="19" t="s">
        <v>237</v>
      </c>
      <c r="M42" s="17" t="s">
        <v>169</v>
      </c>
    </row>
    <row r="43" spans="1:13" s="26" customFormat="1" ht="24.95" customHeight="1" x14ac:dyDescent="0.15">
      <c r="A43" s="34">
        <v>39</v>
      </c>
      <c r="B43" s="23" t="s">
        <v>141</v>
      </c>
      <c r="C43" s="23" t="s">
        <v>205</v>
      </c>
      <c r="D43" s="19" t="s">
        <v>10</v>
      </c>
      <c r="E43" s="20"/>
      <c r="F43" s="21"/>
      <c r="G43" s="14">
        <v>42095</v>
      </c>
      <c r="H43" s="29">
        <v>41214</v>
      </c>
      <c r="I43" s="15">
        <v>1210</v>
      </c>
      <c r="J43" s="15"/>
      <c r="K43" s="22">
        <v>50</v>
      </c>
      <c r="L43" s="19" t="s">
        <v>9</v>
      </c>
      <c r="M43" s="17" t="s">
        <v>94</v>
      </c>
    </row>
    <row r="44" spans="1:13" s="26" customFormat="1" ht="24.95" customHeight="1" x14ac:dyDescent="0.15">
      <c r="A44" s="34">
        <v>40</v>
      </c>
      <c r="B44" s="19" t="s">
        <v>37</v>
      </c>
      <c r="C44" s="19" t="s">
        <v>206</v>
      </c>
      <c r="D44" s="19" t="s">
        <v>38</v>
      </c>
      <c r="E44" s="20"/>
      <c r="F44" s="21"/>
      <c r="G44" s="14">
        <v>42095</v>
      </c>
      <c r="H44" s="29">
        <v>41369</v>
      </c>
      <c r="I44" s="15">
        <v>1209</v>
      </c>
      <c r="J44" s="15"/>
      <c r="K44" s="22">
        <v>26</v>
      </c>
      <c r="L44" s="19" t="s">
        <v>36</v>
      </c>
      <c r="M44" s="17" t="s">
        <v>72</v>
      </c>
    </row>
    <row r="45" spans="1:13" s="26" customFormat="1" ht="24.95" customHeight="1" x14ac:dyDescent="0.15">
      <c r="A45" s="34">
        <v>41</v>
      </c>
      <c r="B45" s="19" t="s">
        <v>47</v>
      </c>
      <c r="C45" s="19" t="s">
        <v>207</v>
      </c>
      <c r="D45" s="19" t="s">
        <v>48</v>
      </c>
      <c r="E45" s="20"/>
      <c r="F45" s="21"/>
      <c r="G45" s="14">
        <v>42095</v>
      </c>
      <c r="H45" s="29">
        <v>41122</v>
      </c>
      <c r="I45" s="15">
        <v>1204</v>
      </c>
      <c r="J45" s="15"/>
      <c r="K45" s="22">
        <v>30</v>
      </c>
      <c r="L45" s="19" t="s">
        <v>46</v>
      </c>
      <c r="M45" s="17" t="s">
        <v>77</v>
      </c>
    </row>
    <row r="46" spans="1:13" s="27" customFormat="1" ht="24.95" customHeight="1" x14ac:dyDescent="0.15">
      <c r="A46" s="34">
        <v>42</v>
      </c>
      <c r="B46" s="19" t="s">
        <v>50</v>
      </c>
      <c r="C46" s="19" t="s">
        <v>208</v>
      </c>
      <c r="D46" s="19" t="s">
        <v>51</v>
      </c>
      <c r="E46" s="20"/>
      <c r="F46" s="21"/>
      <c r="G46" s="14">
        <v>42095</v>
      </c>
      <c r="H46" s="29">
        <v>40928</v>
      </c>
      <c r="I46" s="15">
        <v>1104</v>
      </c>
      <c r="J46" s="15"/>
      <c r="K46" s="22">
        <v>21</v>
      </c>
      <c r="L46" s="19" t="s">
        <v>49</v>
      </c>
      <c r="M46" s="17" t="s">
        <v>78</v>
      </c>
    </row>
    <row r="47" spans="1:13" s="26" customFormat="1" ht="24.95" customHeight="1" x14ac:dyDescent="0.15">
      <c r="A47" s="34">
        <v>43</v>
      </c>
      <c r="B47" s="19" t="s">
        <v>54</v>
      </c>
      <c r="C47" s="19" t="s">
        <v>209</v>
      </c>
      <c r="D47" s="19" t="s">
        <v>55</v>
      </c>
      <c r="E47" s="20"/>
      <c r="F47" s="21"/>
      <c r="G47" s="14">
        <v>42095</v>
      </c>
      <c r="H47" s="29" t="s">
        <v>127</v>
      </c>
      <c r="I47" s="15">
        <v>1103</v>
      </c>
      <c r="J47" s="15"/>
      <c r="K47" s="22">
        <v>25</v>
      </c>
      <c r="L47" s="19" t="s">
        <v>53</v>
      </c>
      <c r="M47" s="17" t="s">
        <v>79</v>
      </c>
    </row>
    <row r="48" spans="1:13" s="26" customFormat="1" ht="24.95" customHeight="1" x14ac:dyDescent="0.15">
      <c r="A48" s="34">
        <v>44</v>
      </c>
      <c r="B48" s="19" t="s">
        <v>236</v>
      </c>
      <c r="C48" s="19" t="s">
        <v>218</v>
      </c>
      <c r="D48" s="19" t="s">
        <v>219</v>
      </c>
      <c r="E48" s="20"/>
      <c r="F48" s="21"/>
      <c r="G48" s="14">
        <v>42948</v>
      </c>
      <c r="H48" s="14">
        <v>42948</v>
      </c>
      <c r="I48" s="15">
        <v>1602</v>
      </c>
      <c r="J48" s="14" t="s">
        <v>150</v>
      </c>
      <c r="K48" s="22">
        <v>19</v>
      </c>
      <c r="L48" s="19" t="s">
        <v>229</v>
      </c>
      <c r="M48" s="17" t="s">
        <v>230</v>
      </c>
    </row>
    <row r="49" spans="1:14" s="26" customFormat="1" ht="24.95" customHeight="1" x14ac:dyDescent="0.15">
      <c r="A49" s="34">
        <v>45</v>
      </c>
      <c r="B49" s="23" t="s">
        <v>142</v>
      </c>
      <c r="C49" s="23" t="s">
        <v>210</v>
      </c>
      <c r="D49" s="19" t="s">
        <v>88</v>
      </c>
      <c r="E49" s="20"/>
      <c r="F49" s="21"/>
      <c r="G49" s="14">
        <v>42095</v>
      </c>
      <c r="H49" s="29">
        <v>41759</v>
      </c>
      <c r="I49" s="24">
        <v>1305</v>
      </c>
      <c r="J49" s="25"/>
      <c r="K49" s="16">
        <v>30</v>
      </c>
      <c r="L49" s="19" t="s">
        <v>61</v>
      </c>
      <c r="M49" s="17" t="s">
        <v>80</v>
      </c>
    </row>
    <row r="50" spans="1:14" s="26" customFormat="1" ht="24.95" customHeight="1" x14ac:dyDescent="0.15">
      <c r="A50" s="34">
        <v>46</v>
      </c>
      <c r="B50" s="19" t="s">
        <v>19</v>
      </c>
      <c r="C50" s="19" t="s">
        <v>211</v>
      </c>
      <c r="D50" s="19" t="s">
        <v>20</v>
      </c>
      <c r="E50" s="20"/>
      <c r="F50" s="21"/>
      <c r="G50" s="14">
        <v>42095</v>
      </c>
      <c r="H50" s="29" t="s">
        <v>127</v>
      </c>
      <c r="I50" s="15">
        <v>1216</v>
      </c>
      <c r="J50" s="15"/>
      <c r="K50" s="16">
        <v>35</v>
      </c>
      <c r="L50" s="19" t="s">
        <v>18</v>
      </c>
      <c r="M50" s="17" t="s">
        <v>68</v>
      </c>
    </row>
    <row r="51" spans="1:14" s="26" customFormat="1" ht="24.95" customHeight="1" x14ac:dyDescent="0.15">
      <c r="A51" s="34">
        <v>47</v>
      </c>
      <c r="B51" s="19" t="s">
        <v>111</v>
      </c>
      <c r="C51" s="19" t="s">
        <v>212</v>
      </c>
      <c r="D51" s="19" t="s">
        <v>112</v>
      </c>
      <c r="E51" s="20"/>
      <c r="F51" s="21"/>
      <c r="G51" s="14">
        <v>42095</v>
      </c>
      <c r="H51" s="29">
        <v>42064</v>
      </c>
      <c r="I51" s="15">
        <v>1401</v>
      </c>
      <c r="J51" s="15"/>
      <c r="K51" s="16">
        <v>29</v>
      </c>
      <c r="L51" s="19" t="s">
        <v>113</v>
      </c>
      <c r="M51" s="17" t="s">
        <v>114</v>
      </c>
    </row>
    <row r="52" spans="1:14" s="26" customFormat="1" ht="24.95" customHeight="1" x14ac:dyDescent="0.15">
      <c r="A52" s="34">
        <v>48</v>
      </c>
      <c r="B52" s="46" t="s">
        <v>259</v>
      </c>
      <c r="C52" s="46" t="s">
        <v>238</v>
      </c>
      <c r="D52" s="46" t="s">
        <v>239</v>
      </c>
      <c r="E52" s="20"/>
      <c r="F52" s="21"/>
      <c r="G52" s="14">
        <v>43191</v>
      </c>
      <c r="H52" s="14">
        <v>43191</v>
      </c>
      <c r="I52" s="45">
        <v>1703</v>
      </c>
      <c r="J52" s="14" t="s">
        <v>150</v>
      </c>
      <c r="K52" s="45">
        <v>42</v>
      </c>
      <c r="L52" s="47" t="s">
        <v>240</v>
      </c>
      <c r="M52" s="45" t="s">
        <v>251</v>
      </c>
    </row>
    <row r="53" spans="1:14" s="26" customFormat="1" ht="24" customHeight="1" x14ac:dyDescent="0.15">
      <c r="A53" s="34">
        <v>49</v>
      </c>
      <c r="B53" s="19" t="s">
        <v>255</v>
      </c>
      <c r="C53" s="19" t="s">
        <v>254</v>
      </c>
      <c r="D53" s="19" t="s">
        <v>261</v>
      </c>
      <c r="E53" s="55"/>
      <c r="F53" s="56"/>
      <c r="G53" s="14" t="s">
        <v>256</v>
      </c>
      <c r="H53" s="14" t="s">
        <v>257</v>
      </c>
      <c r="I53" s="24">
        <v>1801</v>
      </c>
      <c r="J53" s="14"/>
      <c r="K53" s="22">
        <v>54</v>
      </c>
      <c r="L53" s="19" t="s">
        <v>2</v>
      </c>
      <c r="M53" s="17" t="s">
        <v>258</v>
      </c>
      <c r="N53" s="32"/>
    </row>
    <row r="54" spans="1:14" ht="8.25" customHeight="1" x14ac:dyDescent="0.15">
      <c r="A54" s="36"/>
      <c r="B54" s="37"/>
      <c r="C54" s="37"/>
      <c r="D54" s="37"/>
      <c r="E54" s="37"/>
      <c r="F54" s="37"/>
      <c r="G54" s="38"/>
      <c r="H54" s="39"/>
      <c r="I54" s="40"/>
      <c r="J54" s="40"/>
      <c r="K54" s="41"/>
      <c r="L54" s="37"/>
      <c r="M54" s="42"/>
    </row>
    <row r="55" spans="1:14" s="1" customFormat="1" ht="25.5" customHeight="1" x14ac:dyDescent="0.15">
      <c r="A55" s="5" t="s">
        <v>134</v>
      </c>
      <c r="B55"/>
      <c r="C55"/>
      <c r="D55"/>
      <c r="E55"/>
      <c r="F55"/>
      <c r="G55"/>
      <c r="H55"/>
      <c r="I55"/>
      <c r="J55"/>
      <c r="K55"/>
      <c r="L55" s="28"/>
      <c r="M55"/>
    </row>
    <row r="56" spans="1:14" ht="36.75" customHeight="1" x14ac:dyDescent="0.15">
      <c r="A56" s="7" t="s">
        <v>226</v>
      </c>
      <c r="B56" s="7" t="s">
        <v>125</v>
      </c>
      <c r="C56" s="7" t="s">
        <v>216</v>
      </c>
      <c r="D56" s="7" t="s">
        <v>120</v>
      </c>
      <c r="E56" s="2" t="s">
        <v>119</v>
      </c>
      <c r="F56" s="8" t="s">
        <v>121</v>
      </c>
      <c r="G56" s="9" t="s">
        <v>129</v>
      </c>
      <c r="H56" s="3" t="s">
        <v>130</v>
      </c>
      <c r="I56" s="10" t="s">
        <v>126</v>
      </c>
      <c r="J56" s="30" t="s">
        <v>122</v>
      </c>
      <c r="K56" s="7" t="s">
        <v>124</v>
      </c>
      <c r="L56" s="7" t="s">
        <v>220</v>
      </c>
      <c r="M56" s="7" t="s">
        <v>65</v>
      </c>
    </row>
    <row r="57" spans="1:14" ht="24.75" customHeight="1" x14ac:dyDescent="0.15">
      <c r="A57" s="5" t="s">
        <v>247</v>
      </c>
    </row>
    <row r="58" spans="1:14" ht="50.1" customHeight="1" x14ac:dyDescent="0.15">
      <c r="A58" s="7" t="s">
        <v>226</v>
      </c>
      <c r="B58" s="7" t="s">
        <v>125</v>
      </c>
      <c r="C58" s="7" t="s">
        <v>216</v>
      </c>
      <c r="D58" s="7" t="s">
        <v>120</v>
      </c>
      <c r="E58" s="2" t="s">
        <v>119</v>
      </c>
      <c r="F58" s="8" t="s">
        <v>121</v>
      </c>
      <c r="G58" s="9" t="s">
        <v>123</v>
      </c>
      <c r="H58" s="3" t="s">
        <v>130</v>
      </c>
      <c r="I58" s="10" t="s">
        <v>126</v>
      </c>
      <c r="J58" s="30" t="s">
        <v>249</v>
      </c>
      <c r="K58" s="7" t="s">
        <v>124</v>
      </c>
      <c r="L58" s="7" t="s">
        <v>220</v>
      </c>
      <c r="M58" s="7" t="s">
        <v>65</v>
      </c>
    </row>
    <row r="59" spans="1:14" ht="24.75" customHeight="1" x14ac:dyDescent="0.15">
      <c r="A59" s="35">
        <v>50</v>
      </c>
      <c r="B59" s="19" t="s">
        <v>217</v>
      </c>
      <c r="C59" s="19" t="s">
        <v>196</v>
      </c>
      <c r="D59" s="19" t="s">
        <v>35</v>
      </c>
      <c r="E59" s="20"/>
      <c r="F59" s="21"/>
      <c r="G59" s="14"/>
      <c r="H59" s="29">
        <v>41611</v>
      </c>
      <c r="I59" s="15">
        <v>1212</v>
      </c>
      <c r="J59" s="15">
        <v>3290200140</v>
      </c>
      <c r="K59" s="16">
        <v>20</v>
      </c>
      <c r="L59" s="19" t="s">
        <v>34</v>
      </c>
      <c r="M59" s="17" t="s">
        <v>95</v>
      </c>
    </row>
  </sheetData>
  <phoneticPr fontId="4"/>
  <pageMargins left="0.70866141732283472" right="0.70866141732283472" top="0.35433070866141736" bottom="0.35433070866141736" header="0.31496062992125984" footer="0.31496062992125984"/>
  <pageSetup paperSize="9" scale="4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877280</dc:creator>
  <cp:lastModifiedBy>Windows ユーザー</cp:lastModifiedBy>
  <cp:lastPrinted>2020-10-05T00:09:24Z</cp:lastPrinted>
  <dcterms:created xsi:type="dcterms:W3CDTF">2015-02-13T00:40:04Z</dcterms:created>
  <dcterms:modified xsi:type="dcterms:W3CDTF">2020-10-13T07:47:22Z</dcterms:modified>
</cp:coreProperties>
</file>